
<file path=[Content_Types].xml><?xml version="1.0" encoding="utf-8"?>
<Types xmlns="http://schemas.openxmlformats.org/package/2006/content-types">
  <Default Extension="fntdata" ContentType="application/x-fontdata"/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95" r:id="rId9"/>
  </p:sldMasterIdLst>
  <p:notesMasterIdLst>
    <p:notesMasterId r:id="rId64"/>
  </p:notesMasterIdLst>
  <p:sldIdLst>
    <p:sldId id="259" r:id="rId10"/>
    <p:sldId id="321" r:id="rId11"/>
    <p:sldId id="260" r:id="rId12"/>
    <p:sldId id="261" r:id="rId13"/>
    <p:sldId id="324" r:id="rId14"/>
    <p:sldId id="325" r:id="rId15"/>
    <p:sldId id="262" r:id="rId16"/>
    <p:sldId id="263" r:id="rId17"/>
    <p:sldId id="264" r:id="rId18"/>
    <p:sldId id="265" r:id="rId19"/>
    <p:sldId id="295" r:id="rId20"/>
    <p:sldId id="272" r:id="rId21"/>
    <p:sldId id="293" r:id="rId22"/>
    <p:sldId id="326" r:id="rId23"/>
    <p:sldId id="327" r:id="rId24"/>
    <p:sldId id="328" r:id="rId25"/>
    <p:sldId id="278" r:id="rId26"/>
    <p:sldId id="279" r:id="rId27"/>
    <p:sldId id="296" r:id="rId28"/>
    <p:sldId id="316" r:id="rId29"/>
    <p:sldId id="317" r:id="rId30"/>
    <p:sldId id="282" r:id="rId31"/>
    <p:sldId id="319" r:id="rId32"/>
    <p:sldId id="284" r:id="rId33"/>
    <p:sldId id="332" r:id="rId34"/>
    <p:sldId id="297" r:id="rId35"/>
    <p:sldId id="285" r:id="rId36"/>
    <p:sldId id="298" r:id="rId37"/>
    <p:sldId id="286" r:id="rId38"/>
    <p:sldId id="287" r:id="rId39"/>
    <p:sldId id="288" r:id="rId40"/>
    <p:sldId id="299" r:id="rId41"/>
    <p:sldId id="289" r:id="rId42"/>
    <p:sldId id="290" r:id="rId43"/>
    <p:sldId id="300" r:id="rId44"/>
    <p:sldId id="291" r:id="rId45"/>
    <p:sldId id="292" r:id="rId46"/>
    <p:sldId id="322" r:id="rId47"/>
    <p:sldId id="323" r:id="rId48"/>
    <p:sldId id="266" r:id="rId49"/>
    <p:sldId id="331" r:id="rId50"/>
    <p:sldId id="302" r:id="rId51"/>
    <p:sldId id="303" r:id="rId52"/>
    <p:sldId id="304" r:id="rId53"/>
    <p:sldId id="305" r:id="rId54"/>
    <p:sldId id="306" r:id="rId55"/>
    <p:sldId id="310" r:id="rId56"/>
    <p:sldId id="307" r:id="rId57"/>
    <p:sldId id="311" r:id="rId58"/>
    <p:sldId id="312" r:id="rId59"/>
    <p:sldId id="313" r:id="rId60"/>
    <p:sldId id="314" r:id="rId61"/>
    <p:sldId id="315" r:id="rId62"/>
    <p:sldId id="258" r:id="rId63"/>
  </p:sldIdLst>
  <p:sldSz cx="12192000" cy="6858000"/>
  <p:notesSz cx="6858000" cy="9144000"/>
  <p:embeddedFontLst>
    <p:embeddedFont>
      <p:font typeface="Architects Daughter" pitchFamily="2" charset="0"/>
      <p:regular r:id="rId65"/>
    </p:embeddedFont>
    <p:embeddedFont>
      <p:font typeface="Cambria Math" panose="02040503050406030204" pitchFamily="18" charset="0"/>
      <p:regular r:id="rId66"/>
    </p:embeddedFont>
    <p:embeddedFont>
      <p:font typeface="DM Mono" panose="020B0509040201040103" pitchFamily="49" charset="77"/>
      <p:regular r:id="rId67"/>
      <p:italic r:id="rId68"/>
    </p:embeddedFont>
    <p:embeddedFont>
      <p:font typeface="DM Sans 14pt" pitchFamily="2" charset="77"/>
      <p:regular r:id="rId69"/>
      <p:bold r:id="rId70"/>
      <p:italic r:id="rId71"/>
      <p:boldItalic r:id="rId72"/>
    </p:embeddedFont>
    <p:embeddedFont>
      <p:font typeface="Domine" panose="02040503040403060204" pitchFamily="18" charset="0"/>
      <p:regular r:id="rId73"/>
      <p:bold r:id="rId74"/>
    </p:embeddedFont>
  </p:embeddedFontLst>
  <p:custDataLst>
    <p:tags r:id="rId75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7F7F7"/>
    <a:srgbClr val="9EC3E1"/>
    <a:srgbClr val="1F538F"/>
    <a:srgbClr val="EAEAEA"/>
    <a:srgbClr val="99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3887" autoAdjust="0"/>
    <p:restoredTop sz="94629"/>
  </p:normalViewPr>
  <p:slideViewPr>
    <p:cSldViewPr snapToGrid="0" showGuides="1">
      <p:cViewPr varScale="1">
        <p:scale>
          <a:sx n="99" d="100"/>
          <a:sy n="99" d="100"/>
        </p:scale>
        <p:origin x="264" y="16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17.xml"/><Relationship Id="rId21" Type="http://schemas.openxmlformats.org/officeDocument/2006/relationships/slide" Target="slides/slide12.xml"/><Relationship Id="rId42" Type="http://schemas.openxmlformats.org/officeDocument/2006/relationships/slide" Target="slides/slide33.xml"/><Relationship Id="rId47" Type="http://schemas.openxmlformats.org/officeDocument/2006/relationships/slide" Target="slides/slide38.xml"/><Relationship Id="rId63" Type="http://schemas.openxmlformats.org/officeDocument/2006/relationships/slide" Target="slides/slide54.xml"/><Relationship Id="rId68" Type="http://schemas.openxmlformats.org/officeDocument/2006/relationships/font" Target="fonts/font4.fntdata"/><Relationship Id="rId16" Type="http://schemas.openxmlformats.org/officeDocument/2006/relationships/slide" Target="slides/slide7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slide" Target="slides/slide36.xml"/><Relationship Id="rId53" Type="http://schemas.openxmlformats.org/officeDocument/2006/relationships/slide" Target="slides/slide44.xml"/><Relationship Id="rId58" Type="http://schemas.openxmlformats.org/officeDocument/2006/relationships/slide" Target="slides/slide49.xml"/><Relationship Id="rId66" Type="http://schemas.openxmlformats.org/officeDocument/2006/relationships/font" Target="fonts/font2.fntdata"/><Relationship Id="rId74" Type="http://schemas.openxmlformats.org/officeDocument/2006/relationships/font" Target="fonts/font10.fntdata"/><Relationship Id="rId79" Type="http://schemas.openxmlformats.org/officeDocument/2006/relationships/tableStyles" Target="tableStyles.xml"/><Relationship Id="rId5" Type="http://schemas.openxmlformats.org/officeDocument/2006/relationships/customXml" Target="../customXml/item5.xml"/><Relationship Id="rId61" Type="http://schemas.openxmlformats.org/officeDocument/2006/relationships/slide" Target="slides/slide52.xml"/><Relationship Id="rId19" Type="http://schemas.openxmlformats.org/officeDocument/2006/relationships/slide" Target="slides/slide10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slide" Target="slides/slide34.xml"/><Relationship Id="rId48" Type="http://schemas.openxmlformats.org/officeDocument/2006/relationships/slide" Target="slides/slide39.xml"/><Relationship Id="rId56" Type="http://schemas.openxmlformats.org/officeDocument/2006/relationships/slide" Target="slides/slide47.xml"/><Relationship Id="rId64" Type="http://schemas.openxmlformats.org/officeDocument/2006/relationships/notesMaster" Target="notesMasters/notesMaster1.xml"/><Relationship Id="rId69" Type="http://schemas.openxmlformats.org/officeDocument/2006/relationships/font" Target="fonts/font5.fntdata"/><Relationship Id="rId77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42.xml"/><Relationship Id="rId72" Type="http://schemas.openxmlformats.org/officeDocument/2006/relationships/font" Target="fonts/font8.fntdata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slide" Target="slides/slide37.xml"/><Relationship Id="rId59" Type="http://schemas.openxmlformats.org/officeDocument/2006/relationships/slide" Target="slides/slide50.xml"/><Relationship Id="rId67" Type="http://schemas.openxmlformats.org/officeDocument/2006/relationships/font" Target="fonts/font3.fntdata"/><Relationship Id="rId20" Type="http://schemas.openxmlformats.org/officeDocument/2006/relationships/slide" Target="slides/slide11.xml"/><Relationship Id="rId41" Type="http://schemas.openxmlformats.org/officeDocument/2006/relationships/slide" Target="slides/slide32.xml"/><Relationship Id="rId54" Type="http://schemas.openxmlformats.org/officeDocument/2006/relationships/slide" Target="slides/slide45.xml"/><Relationship Id="rId62" Type="http://schemas.openxmlformats.org/officeDocument/2006/relationships/slide" Target="slides/slide53.xml"/><Relationship Id="rId70" Type="http://schemas.openxmlformats.org/officeDocument/2006/relationships/font" Target="fonts/font6.fntdata"/><Relationship Id="rId75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slide" Target="slides/slide40.xml"/><Relationship Id="rId57" Type="http://schemas.openxmlformats.org/officeDocument/2006/relationships/slide" Target="slides/slide48.xml"/><Relationship Id="rId10" Type="http://schemas.openxmlformats.org/officeDocument/2006/relationships/slide" Target="slides/slide1.xml"/><Relationship Id="rId31" Type="http://schemas.openxmlformats.org/officeDocument/2006/relationships/slide" Target="slides/slide22.xml"/><Relationship Id="rId44" Type="http://schemas.openxmlformats.org/officeDocument/2006/relationships/slide" Target="slides/slide35.xml"/><Relationship Id="rId52" Type="http://schemas.openxmlformats.org/officeDocument/2006/relationships/slide" Target="slides/slide43.xml"/><Relationship Id="rId60" Type="http://schemas.openxmlformats.org/officeDocument/2006/relationships/slide" Target="slides/slide51.xml"/><Relationship Id="rId65" Type="http://schemas.openxmlformats.org/officeDocument/2006/relationships/font" Target="fonts/font1.fntdata"/><Relationship Id="rId73" Type="http://schemas.openxmlformats.org/officeDocument/2006/relationships/font" Target="fonts/font9.fntdata"/><Relationship Id="rId78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39" Type="http://schemas.openxmlformats.org/officeDocument/2006/relationships/slide" Target="slides/slide30.xml"/><Relationship Id="rId34" Type="http://schemas.openxmlformats.org/officeDocument/2006/relationships/slide" Target="slides/slide25.xml"/><Relationship Id="rId50" Type="http://schemas.openxmlformats.org/officeDocument/2006/relationships/slide" Target="slides/slide41.xml"/><Relationship Id="rId55" Type="http://schemas.openxmlformats.org/officeDocument/2006/relationships/slide" Target="slides/slide46.xml"/><Relationship Id="rId76" Type="http://schemas.openxmlformats.org/officeDocument/2006/relationships/presProps" Target="presProps.xml"/><Relationship Id="rId7" Type="http://schemas.openxmlformats.org/officeDocument/2006/relationships/customXml" Target="../customXml/item7.xml"/><Relationship Id="rId71" Type="http://schemas.openxmlformats.org/officeDocument/2006/relationships/font" Target="fonts/font7.fntdata"/><Relationship Id="rId2" Type="http://schemas.openxmlformats.org/officeDocument/2006/relationships/customXml" Target="../customXml/item2.xml"/><Relationship Id="rId29" Type="http://schemas.openxmlformats.org/officeDocument/2006/relationships/slide" Target="slides/slide20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DA840C6-1F39-43ED-B27B-1FEC6C3829D7}" type="datetimeFigureOut">
              <a:rPr lang="en-GB" smtClean="0"/>
              <a:t>04/04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5E21C0D-9E07-4C74-9A59-193F61F6289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85986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2322232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381428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2830E3E-30CE-C5B3-BF6E-DC95DF57BBF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5A964A9-2546-F33D-F118-A5169561517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36004C3-BECE-5E8E-6DB1-7DCBBE10978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23FD5F0-81DB-04F4-3051-ED5D144DFD4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5975999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As an example here, consider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C0CB8E5-645B-0740-A88C-741104722595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43848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1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3946544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E9763B7-A18C-648B-E89A-C339AE07D66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CF8EB85-ADD8-15CB-E232-ED65AA06104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AB745B9-BE98-A741-4F84-CF376879D69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802F37A-F3D9-C5AB-3904-5DB39E22D87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C0CB8E5-645B-0740-A88C-741104722595}" type="slidenum">
              <a:rPr lang="en-US" smtClean="0"/>
              <a:t>2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3273505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3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7230299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7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6" Type="http://schemas.openxmlformats.org/officeDocument/2006/relationships/image" Target="../media/image8.png"/><Relationship Id="rId5" Type="http://schemas.openxmlformats.org/officeDocument/2006/relationships/image" Target="../media/image5.png"/><Relationship Id="rId4" Type="http://schemas.openxmlformats.org/officeDocument/2006/relationships/image" Target="../media/image7.svg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Relationship Id="rId4" Type="http://schemas.openxmlformats.org/officeDocument/2006/relationships/image" Target="../media/image1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Relationship Id="rId4" Type="http://schemas.openxmlformats.org/officeDocument/2006/relationships/image" Target="../media/image1.pn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Relationship Id="rId5" Type="http://schemas.openxmlformats.org/officeDocument/2006/relationships/image" Target="../media/image1.png"/><Relationship Id="rId4" Type="http://schemas.openxmlformats.org/officeDocument/2006/relationships/image" Target="../media/image12.png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Relationship Id="rId4" Type="http://schemas.openxmlformats.org/officeDocument/2006/relationships/image" Target="../media/image1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Relationship Id="rId4" Type="http://schemas.openxmlformats.org/officeDocument/2006/relationships/image" Target="../media/image10.pn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/Relationships>
</file>

<file path=ppt/slideLayouts/_rels/slideLayout4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6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7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8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9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0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1.xml"/></Relationships>
</file>

<file path=ppt/slideLayouts/_rels/slideLayout4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ver A with Shie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1B16BA09-5E0E-9342-7B5F-208FB49230F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4" name="Background">
            <a:extLst>
              <a:ext uri="{FF2B5EF4-FFF2-40B4-BE49-F238E27FC236}">
                <a16:creationId xmlns:a16="http://schemas.microsoft.com/office/drawing/2014/main" id="{839A0678-D339-25B7-6999-A7B668AB1E90}"/>
              </a:ext>
            </a:extLst>
          </p:cNvPr>
          <p:cNvSpPr/>
          <p:nvPr userDrawn="1"/>
        </p:nvSpPr>
        <p:spPr>
          <a:xfrm>
            <a:off x="0" y="232053"/>
            <a:ext cx="12191999" cy="6858000"/>
          </a:xfrm>
          <a:prstGeom prst="rect">
            <a:avLst/>
          </a:prstGeom>
          <a:gradFill>
            <a:gsLst>
              <a:gs pos="11000">
                <a:schemeClr val="bg1">
                  <a:alpha val="0"/>
                </a:schemeClr>
              </a:gs>
              <a:gs pos="51000">
                <a:schemeClr val="bg1"/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652487764" name="Picture 2" descr="{&quot;templafy&quot;:{&quot;id&quot;:&quot;b866ffdd-1468-452b-b550-2ee77fe87c6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5398" y="705953"/>
            <a:ext cx="5081026" cy="1271019"/>
          </a:xfrm>
          <a:prstGeom prst="rect">
            <a:avLst/>
          </a:prstGeom>
        </p:spPr>
      </p:pic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18" name="Picture 17" descr="{&quot;templafy&quot;:{&quot;id&quot;:&quot;16fa8dfc-28da-4b5c-8123-1d41e9d4c29d&quot;}}">
            <a:extLst>
              <a:ext uri="{FF2B5EF4-FFF2-40B4-BE49-F238E27FC236}">
                <a16:creationId xmlns:a16="http://schemas.microsoft.com/office/drawing/2014/main" id="{F4871A12-966F-AB54-D025-11147D2B69AF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5482800"/>
            <a:ext cx="2431525" cy="720000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1D8734B6-FF82-51DC-47D5-1C0BF6F1A66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37769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58E6A62F-5EE0-DF6B-07CD-0B354081E7E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251DC0FA-582F-179B-E738-1BBB95CD33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20725" y="574036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1515E92D-D3D4-9D54-8555-29BBC3428DC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20000" y="5957377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E327DC5C-E1C0-B8CB-4B84-DA580F6C816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20000" y="6252829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22638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E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tx2"/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5CB14299-9B5F-BF3A-D63A-A282BCE062E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712755876" name="Picture 7" descr="{&quot;templafy&quot;:{&quot;id&quot;:&quot;05d88fd5-cdc3-4e74-a780-c10a05b042f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287157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F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bg1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82F1C1D4-A570-C8D4-71E4-37223819B6F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966664909" name="Picture 7" descr="{&quot;templafy&quot;:{&quot;id&quot;:&quot;7cdc3578-851f-410c-813b-4d5e30095c5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46259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G">
    <p:bg>
      <p:bgPr>
        <a:solidFill>
          <a:schemeClr val="accent4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4">
                    <a:lumMod val="50000"/>
                  </a:schemeClr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83339149" name="Picture 7" descr="{&quot;templafy&quot;:{&quot;id&quot;:&quot;419f6ace-857e-46ae-95f2-0bfe8c8dca3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82066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H">
    <p:bg>
      <p:bgPr>
        <a:solidFill>
          <a:srgbClr val="99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bg1"/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739452808" name="Picture 7" descr="{&quot;templafy&quot;:{&quot;id&quot;:&quot;c8d730e4-8175-44e7-afe8-85a9fa94a3a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332555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10752000" cy="4424400"/>
          </a:xfrm>
        </p:spPr>
        <p:txBody>
          <a:bodyPr/>
          <a:lstStyle>
            <a:lvl1pPr>
              <a:defRPr sz="2400"/>
            </a:lvl1pPr>
            <a:lvl2pPr>
              <a:spcAft>
                <a:spcPts val="850"/>
              </a:spcAft>
              <a:defRPr sz="2400"/>
            </a:lvl2pPr>
            <a:lvl3pPr>
              <a:spcAft>
                <a:spcPts val="850"/>
              </a:spcAft>
              <a:defRPr sz="2000"/>
            </a:lvl3pPr>
            <a:lvl4pPr>
              <a:spcAft>
                <a:spcPts val="850"/>
              </a:spcAft>
              <a:defRPr sz="1800"/>
            </a:lvl4pPr>
            <a:lvl5pPr>
              <a:defRPr sz="2800"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374924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head and 1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1075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81069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8771BA-DEC6-F3CD-0966-439080AF15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CC6BC50-3655-09A2-54D0-991FCCB4D1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98E7446D-1AC7-A43F-ADC3-99ABFBDE93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47EC7B5-5579-B015-84D6-CEA96A4D5E9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396006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86CF56-797D-76D1-938F-9E4AB58EBE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508826-EFB1-9253-4DD9-529D28A14B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65832291-D52E-BC28-A4EE-FF28DF7F69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441026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wo Column Content">
    <p:bg>
      <p:bgPr>
        <a:solidFill>
          <a:srgbClr val="F7F7F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5196000" cy="4424400"/>
          </a:xfrm>
        </p:spPr>
        <p:txBody>
          <a:bodyPr/>
          <a:lstStyle>
            <a:lvl2pPr>
              <a:spcBef>
                <a:spcPts val="200"/>
              </a:spcBef>
              <a:spcAft>
                <a:spcPts val="400"/>
              </a:spcAft>
              <a:defRPr/>
            </a:lvl2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713599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339858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ontent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</p:spTree>
    <p:extLst>
      <p:ext uri="{BB962C8B-B14F-4D97-AF65-F5344CB8AC3E}">
        <p14:creationId xmlns:p14="http://schemas.microsoft.com/office/powerpoint/2010/main" val="583149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 with Shield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44CDB109-2703-E004-DAD3-0A9F90171FA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4EC7E38D-B81D-FC40-15B1-DC990195C275}"/>
              </a:ext>
            </a:extLst>
          </p:cNvPr>
          <p:cNvSpPr/>
          <p:nvPr userDrawn="1"/>
        </p:nvSpPr>
        <p:spPr>
          <a:xfrm rot="10800000">
            <a:off x="-1" y="-1"/>
            <a:ext cx="12178055" cy="6857999"/>
          </a:xfrm>
          <a:prstGeom prst="rect">
            <a:avLst/>
          </a:prstGeom>
          <a:gradFill flip="none" rotWithShape="1">
            <a:gsLst>
              <a:gs pos="94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43000">
                <a:schemeClr val="accent1">
                  <a:alpha val="96549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789414146" name="Picture 19" descr="{&quot;templafy&quot;:{&quot;id&quot;:&quot;ac1f4880-84af-4b2e-a15b-c714ebdfef38&quot;}}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9046800" y="5482800"/>
            <a:ext cx="2430000" cy="720000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7FD24B18-9890-6730-F357-90982511A7F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D364A363-678D-BF9C-8F82-6A24E3BEDC7D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pic>
        <p:nvPicPr>
          <p:cNvPr id="657909638" name="Picture 5" descr="{&quot;templafy&quot;:{&quot;id&quot;:&quot;9be34feb-4838-4959-aefb-559cd01c108e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5398" y="686716"/>
            <a:ext cx="5081026" cy="1271019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BCCD774-C585-4D47-9DC9-21728775CCB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725" y="5508306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BD3930DA-CC72-D87A-3C84-D5B0B8E6F1F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25323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FFB7AC86-6495-B25D-71A1-EDE3C43FCE24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720000" y="6020775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35672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422775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128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134636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6" userDrawn="1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3498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275999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B5911BE-8839-F336-D549-40F51B1053D4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053275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225611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02800" y="720000"/>
            <a:ext cx="79704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5600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9FEC81-69D3-F091-6AAB-584372D2CDC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556000"/>
            <a:ext cx="2416175" cy="25812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206542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225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2047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840120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70488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787261" y="720000"/>
            <a:ext cx="2680837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1586550503" name="Picture 6" descr="{&quot;templafy&quot;:{&quot;id&quot;:&quot;20be30df-9f43-4ad8-874a-5022b0728fa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6" name="Footers" descr="{&quot;templafy&quot;:{&quot;id&quot;:&quot;7893f364-70c6-4532-8dc2-9251de7635a0&quot;}}">
            <a:extLst>
              <a:ext uri="{FF2B5EF4-FFF2-40B4-BE49-F238E27FC236}">
                <a16:creationId xmlns:a16="http://schemas.microsoft.com/office/drawing/2014/main" id="{D30753A2-1402-7DB1-6D07-F5631C9A74D7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271667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4244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4244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4400" y="720000"/>
            <a:ext cx="70488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20000" y="720000"/>
            <a:ext cx="24192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2000857493" name="Picture 6" descr="{&quot;templafy&quot;:{&quot;id&quot;:&quot;4bef0602-95d0-4ac2-a913-b62c15ff58d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6" name="Footers" descr="{&quot;templafy&quot;:{&quot;id&quot;:&quot;fdf8d0d7-b3c0-4889-afac-522281362358&quot;}}">
            <a:extLst>
              <a:ext uri="{FF2B5EF4-FFF2-40B4-BE49-F238E27FC236}">
                <a16:creationId xmlns:a16="http://schemas.microsoft.com/office/drawing/2014/main" id="{18A60CD6-FFBC-03F7-17C2-03F4F032100F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70761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Left - Photo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614FC3F-8ED6-0751-6C51-3B2BEC1277D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20090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pic>
        <p:nvPicPr>
          <p:cNvPr id="1865827812" name="Picture 4" descr="{&quot;templafy&quot;:{&quot;id&quot;:&quot;b09133a7-eec0-47b1-b53f-48b42b10cb8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4" name="Footers" descr="{&quot;templafy&quot;:{&quot;id&quot;:&quot;d10de944-3cdb-494c-b689-739547fd37c0&quot;}}">
            <a:extLst>
              <a:ext uri="{FF2B5EF4-FFF2-40B4-BE49-F238E27FC236}">
                <a16:creationId xmlns:a16="http://schemas.microsoft.com/office/drawing/2014/main" id="{571F91D2-BD5D-4505-6DD0-633D6AD1FFEB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11723831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to Left - Conten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6">
            <a:extLst>
              <a:ext uri="{FF2B5EF4-FFF2-40B4-BE49-F238E27FC236}">
                <a16:creationId xmlns:a16="http://schemas.microsoft.com/office/drawing/2014/main" id="{C0E66B85-A497-806D-1EDC-07151561F03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49275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349275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49275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Footers" descr="{&quot;templafy&quot;:{&quot;id&quot;:&quot;c2169592-79f6-4468-90fe-a70e6381aa80&quot;}}">
            <a:extLst>
              <a:ext uri="{FF2B5EF4-FFF2-40B4-BE49-F238E27FC236}">
                <a16:creationId xmlns:a16="http://schemas.microsoft.com/office/drawing/2014/main" id="{37509789-A5FC-D655-A0D1-083454109387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7030072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57D76C0-5C22-E359-CE79-F004D2181106}"/>
              </a:ext>
            </a:extLst>
          </p:cNvPr>
          <p:cNvSpPr/>
          <p:nvPr userDrawn="1"/>
        </p:nvSpPr>
        <p:spPr>
          <a:xfrm>
            <a:off x="0" y="0"/>
            <a:ext cx="5911200" cy="6858000"/>
          </a:xfrm>
          <a:prstGeom prst="rect">
            <a:avLst/>
          </a:prstGeom>
          <a:gradFill>
            <a:gsLst>
              <a:gs pos="60000">
                <a:schemeClr val="accent1"/>
              </a:gs>
              <a:gs pos="86000">
                <a:srgbClr val="1F538F"/>
              </a:gs>
              <a:gs pos="100000">
                <a:schemeClr val="accent3"/>
              </a:gs>
            </a:gsLst>
            <a:lin ang="81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1" name="Content Placeholder 13">
            <a:extLst>
              <a:ext uri="{FF2B5EF4-FFF2-40B4-BE49-F238E27FC236}">
                <a16:creationId xmlns:a16="http://schemas.microsoft.com/office/drawing/2014/main" id="{8629CEFB-CC46-A8B8-01A0-9FC67CBA2F49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906275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2" name="Content Placeholder 13">
            <a:extLst>
              <a:ext uri="{FF2B5EF4-FFF2-40B4-BE49-F238E27FC236}">
                <a16:creationId xmlns:a16="http://schemas.microsoft.com/office/drawing/2014/main" id="{277AD4A9-73AA-FC1E-DFE4-E50DD96AC8A9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8080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3" name="Content Placeholder 13">
            <a:extLst>
              <a:ext uri="{FF2B5EF4-FFF2-40B4-BE49-F238E27FC236}">
                <a16:creationId xmlns:a16="http://schemas.microsoft.com/office/drawing/2014/main" id="{50F43CDD-BB71-2518-2700-3FC4FD0DB8F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6275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Footers" descr="{&quot;templafy&quot;:{&quot;id&quot;:&quot;0fd08d51-22f5-4846-9938-1f5c458f3bf6&quot;}}">
            <a:extLst>
              <a:ext uri="{FF2B5EF4-FFF2-40B4-BE49-F238E27FC236}">
                <a16:creationId xmlns:a16="http://schemas.microsoft.com/office/drawing/2014/main" id="{BAEAECA1-823F-9620-77DA-8D91E766BA4C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5443994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2047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2273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7762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AC1FBFE-B73D-7F3E-861B-16D1159B45C4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3607199"/>
            <a:ext cx="5195025" cy="2530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Content Placeholder 17">
            <a:extLst>
              <a:ext uri="{FF2B5EF4-FFF2-40B4-BE49-F238E27FC236}">
                <a16:creationId xmlns:a16="http://schemas.microsoft.com/office/drawing/2014/main" id="{C93BC420-F68F-9B1C-F5A8-F0BAD3B826C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75387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275387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63086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EC26CBF-9D3D-15DE-A3B6-1F8AC80A3E0C}"/>
              </a:ext>
            </a:extLst>
          </p:cNvPr>
          <p:cNvSpPr/>
          <p:nvPr userDrawn="1"/>
        </p:nvSpPr>
        <p:spPr>
          <a:xfrm>
            <a:off x="0" y="0"/>
            <a:ext cx="31356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3C86090-9697-9AEF-C893-5B4EBE1CA3B2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Footers" descr="{&quot;templafy&quot;:{&quot;id&quot;:&quot;8a74c689-60a1-43f5-8b16-31bdc0ec4c15&quot;}}">
            <a:extLst>
              <a:ext uri="{FF2B5EF4-FFF2-40B4-BE49-F238E27FC236}">
                <a16:creationId xmlns:a16="http://schemas.microsoft.com/office/drawing/2014/main" id="{23808C62-84AD-EB15-6A56-B4D134B988DC}"/>
              </a:ext>
            </a:extLst>
          </p:cNvPr>
          <p:cNvSpPr/>
          <p:nvPr userDrawn="1"/>
        </p:nvSpPr>
        <p:spPr>
          <a:xfrm>
            <a:off x="493669" y="6439469"/>
            <a:ext cx="245026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5355025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C with Confidential Statement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C753663D-E098-B93B-3E15-3DB8D2D8F89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5D5AB2CE-B33D-1B37-2E06-5DF32D905889}"/>
              </a:ext>
            </a:extLst>
          </p:cNvPr>
          <p:cNvSpPr/>
          <p:nvPr userDrawn="1"/>
        </p:nvSpPr>
        <p:spPr>
          <a:xfrm rot="10800000">
            <a:off x="13945" y="127981"/>
            <a:ext cx="12178055" cy="5557138"/>
          </a:xfrm>
          <a:prstGeom prst="rect">
            <a:avLst/>
          </a:prstGeom>
          <a:gradFill flip="none" rotWithShape="1">
            <a:gsLst>
              <a:gs pos="100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51000">
                <a:schemeClr val="accent1">
                  <a:alpha val="90000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31A22EB-BD03-D54C-510B-9450ECC7F9DD}"/>
              </a:ext>
            </a:extLst>
          </p:cNvPr>
          <p:cNvSpPr/>
          <p:nvPr userDrawn="1"/>
        </p:nvSpPr>
        <p:spPr bwMode="auto">
          <a:xfrm>
            <a:off x="13945" y="5571088"/>
            <a:ext cx="12192000" cy="1295400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>
            <a:noFill/>
            <a:round/>
            <a:headEnd/>
            <a:tailEnd/>
          </a:ln>
        </p:spPr>
        <p:txBody>
          <a:bodyPr vert="horz" wrap="square" lIns="121920" tIns="60960" rIns="121920" bIns="60960" numCol="1" rtlCol="0" anchor="t" anchorCtr="0" compatLnSpc="1">
            <a:prstTxWarp prst="textNoShape">
              <a:avLst/>
            </a:prstTxWarp>
          </a:bodyPr>
          <a:lstStyle/>
          <a:p>
            <a:pPr algn="ctr"/>
            <a:endParaRPr lang="en-US" sz="2400"/>
          </a:p>
        </p:txBody>
      </p:sp>
      <p:sp>
        <p:nvSpPr>
          <p:cNvPr id="11" name="Line top Placeholder 20">
            <a:extLst>
              <a:ext uri="{FF2B5EF4-FFF2-40B4-BE49-F238E27FC236}">
                <a16:creationId xmlns:a16="http://schemas.microsoft.com/office/drawing/2014/main" id="{BDD14DD9-CE12-CB1D-F34C-E1CF891B53B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5530321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625D6D2-B9F8-BE5F-7103-B740CDF3C8C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4330250"/>
            <a:ext cx="2431525" cy="720000"/>
          </a:xfrm>
          <a:prstGeom prst="rect">
            <a:avLst/>
          </a:prstGeom>
        </p:spPr>
      </p:pic>
      <p:pic>
        <p:nvPicPr>
          <p:cNvPr id="1279374085" name="Picture 9" descr="{&quot;templafy&quot;:{&quot;id&quot;:&quot;0798d6bb-a792-48a3-94d4-4e52b4ba810a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046800" y="4338928"/>
            <a:ext cx="2430000" cy="720000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1A7789F2-55FE-D2DA-D3BB-2911129E98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015152"/>
            <a:ext cx="10733505" cy="1296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7" name="Subtitle 2">
            <a:extLst>
              <a:ext uri="{FF2B5EF4-FFF2-40B4-BE49-F238E27FC236}">
                <a16:creationId xmlns:a16="http://schemas.microsoft.com/office/drawing/2014/main" id="{0CF0A729-59C1-102A-1A62-ED596D2B8BE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60055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9F144A7E-2234-1526-8158-31D213DA5280}"/>
              </a:ext>
            </a:extLst>
          </p:cNvPr>
          <p:cNvSpPr txBox="1">
            <a:spLocks/>
          </p:cNvSpPr>
          <p:nvPr userDrawn="1"/>
        </p:nvSpPr>
        <p:spPr>
          <a:xfrm>
            <a:off x="635001" y="6139752"/>
            <a:ext cx="10827546" cy="271145"/>
          </a:xfrm>
          <a:prstGeom prst="rect">
            <a:avLst/>
          </a:prstGeom>
        </p:spPr>
        <p:txBody>
          <a:bodyPr/>
          <a:lstStyle>
            <a:lvl1pPr marL="136800" indent="-1368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Font typeface="Calibri Light" panose="020F0302020204030204" pitchFamily="34" charset="0"/>
              <a:buChar char="•"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273600" indent="-1368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100"/>
              </a:spcAft>
              <a:buClr>
                <a:srgbClr val="9EC3E1"/>
              </a:buClr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2pPr>
            <a:lvl3pPr marL="410400" indent="-136800" algn="l" defTabSz="914400" rtl="0" eaLnBrk="1" latinLnBrk="0" hangingPunct="1">
              <a:lnSpc>
                <a:spcPct val="90000"/>
              </a:lnSpc>
              <a:spcBef>
                <a:spcPts val="400"/>
              </a:spcBef>
              <a:spcAft>
                <a:spcPts val="200"/>
              </a:spcAft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Calibri Light" panose="020F0302020204030204" pitchFamily="34" charset="0"/>
              <a:buChar char="​"/>
              <a:defRPr sz="2800" b="1" kern="1200" cap="all" spc="200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tabLst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Font typeface="Berlingske Serif Text Office"/>
              <a:buNone/>
              <a:defRPr sz="1600" b="1" kern="1200" cap="all" spc="18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marR="0" indent="0" algn="l" defTabSz="914400" rtl="0" eaLnBrk="1" fontAlgn="auto" latinLnBrk="0" hangingPunct="1">
              <a:lnSpc>
                <a:spcPct val="90000"/>
              </a:lnSpc>
              <a:spcBef>
                <a:spcPts val="200"/>
              </a:spcBef>
              <a:spcAft>
                <a:spcPts val="400"/>
              </a:spcAft>
              <a:buClrTx/>
              <a:buSzTx/>
              <a:buFont typeface="Calibri Light" panose="020F0302020204030204" pitchFamily="34" charset="0"/>
              <a:buChar char="​"/>
              <a:tabLst/>
              <a:defRPr sz="1200" b="0" kern="1200" cap="none" spc="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40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74000"/>
              </a:lnSpc>
              <a:spcBef>
                <a:spcPts val="120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defRPr sz="7500" kern="1200" cap="all" baseline="0">
                <a:solidFill>
                  <a:srgbClr val="D8E7F3"/>
                </a:solidFill>
                <a:latin typeface="+mj-lt"/>
                <a:ea typeface="+mn-ea"/>
                <a:cs typeface="+mn-cs"/>
              </a:defRPr>
            </a:lvl9pPr>
          </a:lstStyle>
          <a:p>
            <a:pPr lvl="6"/>
            <a:r>
              <a:rPr lang="en-GB" sz="1000" b="1" dirty="0"/>
              <a:t>CONFIDENTIAL – DO NOT DISTRIBUTE: </a:t>
            </a:r>
            <a:r>
              <a:rPr lang="en-GB" sz="1000" dirty="0"/>
              <a:t>This presentation contains confidential information and is presented only with the understanding that it’s contents and ideas will not be shared with external groups.</a:t>
            </a:r>
          </a:p>
        </p:txBody>
      </p:sp>
      <p:pic>
        <p:nvPicPr>
          <p:cNvPr id="1779254554" name="Picture 2" descr="{&quot;templafy&quot;:{&quot;id&quot;:&quot;50f80eb5-9c3a-49a0-beb8-788350790360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05398" y="686716"/>
            <a:ext cx="5081026" cy="1271019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6632A84-95DC-86A2-B086-54BE7F9D71B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20725" y="4431625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75717D82-8664-2928-A62E-9A179B3D67C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20000" y="4648642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DB176976-FAE5-029A-CDCB-335D2D5D0B9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20000" y="4944094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828764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74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5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B292795-53E5-D4AE-7881-39C23A693A20}"/>
              </a:ext>
            </a:extLst>
          </p:cNvPr>
          <p:cNvSpPr/>
          <p:nvPr userDrawn="1"/>
        </p:nvSpPr>
        <p:spPr>
          <a:xfrm>
            <a:off x="9053512" y="0"/>
            <a:ext cx="3138487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212062" y="7200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212062" y="36068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7D0E8A7-F71B-DA02-9636-65342A59D1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19999"/>
            <a:ext cx="2416913" cy="2529613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0439221F-1453-B601-B3A1-2760F20CC76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606800"/>
            <a:ext cx="2416175" cy="25304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  <p:pic>
        <p:nvPicPr>
          <p:cNvPr id="899027539" name="Picture 4" descr="{&quot;templafy&quot;:{&quot;id&quot;:&quot;03e56073-67d3-46cf-a937-9a2ad535dad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dc7a8ad4-fcda-4c68-8b15-f10bc03ce177&quot;}}">
            <a:extLst>
              <a:ext uri="{FF2B5EF4-FFF2-40B4-BE49-F238E27FC236}">
                <a16:creationId xmlns:a16="http://schemas.microsoft.com/office/drawing/2014/main" id="{BA2E874D-A0AF-661A-4735-E805B69A99EF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17306534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HETORICAL Two tex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6097200" y="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5018400" cy="1774800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1" y="2854075"/>
            <a:ext cx="5195885" cy="32832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3" y="2854075"/>
            <a:ext cx="5195887" cy="3283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3">
            <a:extLst>
              <a:ext uri="{FF2B5EF4-FFF2-40B4-BE49-F238E27FC236}">
                <a16:creationId xmlns:a16="http://schemas.microsoft.com/office/drawing/2014/main" id="{DF49F1D1-5694-C367-AC0A-3B106690283C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6280801" y="719138"/>
            <a:ext cx="5195885" cy="1775662"/>
          </a:xfrm>
        </p:spPr>
        <p:txBody>
          <a:bodyPr>
            <a:noAutofit/>
          </a:bodyPr>
          <a:lstStyle>
            <a:lvl1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1" cap="none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Click to add text</a:t>
            </a:r>
          </a:p>
        </p:txBody>
      </p:sp>
      <p:pic>
        <p:nvPicPr>
          <p:cNvPr id="1198440428" name="Picture 7" descr="{&quot;templafy&quot;:{&quot;id&quot;:&quot;8d89b173-5208-40c0-b2ed-2384c75f397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3300a2e3-8e96-4153-a9fb-1c5763e00acc&quot;}}">
            <a:extLst>
              <a:ext uri="{FF2B5EF4-FFF2-40B4-BE49-F238E27FC236}">
                <a16:creationId xmlns:a16="http://schemas.microsoft.com/office/drawing/2014/main" id="{9EF44D02-3679-66D2-3F26-4E61DC923005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91194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570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7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1797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03C7688E-2109-B3A6-BB30-ED06B927D9A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6094801" y="0"/>
            <a:ext cx="60972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0" y="0"/>
            <a:ext cx="6094800" cy="6858000"/>
          </a:xfrm>
          <a:prstGeom prst="rect">
            <a:avLst/>
          </a:prstGeom>
          <a:gradFill>
            <a:gsLst>
              <a:gs pos="38000">
                <a:srgbClr val="D8E7F3"/>
              </a:gs>
              <a:gs pos="100000">
                <a:schemeClr val="bg1"/>
              </a:gs>
            </a:gsLst>
            <a:lin ang="27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964E4448-A264-7659-B7F9-D4E3F0409CEF}"/>
              </a:ext>
            </a:extLst>
          </p:cNvPr>
          <p:cNvSpPr/>
          <p:nvPr userDrawn="1"/>
        </p:nvSpPr>
        <p:spPr>
          <a:xfrm>
            <a:off x="719138" y="1150830"/>
            <a:ext cx="698644" cy="535303"/>
          </a:xfrm>
          <a:custGeom>
            <a:avLst/>
            <a:gdLst>
              <a:gd name="connsiteX0" fmla="*/ 772947 w 828408"/>
              <a:gd name="connsiteY0" fmla="*/ 0 h 634729"/>
              <a:gd name="connsiteX1" fmla="*/ 772947 w 828408"/>
              <a:gd name="connsiteY1" fmla="*/ 50532 h 634729"/>
              <a:gd name="connsiteX2" fmla="*/ 617654 w 828408"/>
              <a:gd name="connsiteY2" fmla="*/ 168850 h 634729"/>
              <a:gd name="connsiteX3" fmla="*/ 570819 w 828408"/>
              <a:gd name="connsiteY3" fmla="*/ 303191 h 634729"/>
              <a:gd name="connsiteX4" fmla="*/ 583144 w 828408"/>
              <a:gd name="connsiteY4" fmla="*/ 362350 h 634729"/>
              <a:gd name="connsiteX5" fmla="*/ 610259 w 828408"/>
              <a:gd name="connsiteY5" fmla="*/ 379605 h 634729"/>
              <a:gd name="connsiteX6" fmla="*/ 653396 w 828408"/>
              <a:gd name="connsiteY6" fmla="*/ 370361 h 634729"/>
              <a:gd name="connsiteX7" fmla="*/ 702695 w 828408"/>
              <a:gd name="connsiteY7" fmla="*/ 361118 h 634729"/>
              <a:gd name="connsiteX8" fmla="*/ 790818 w 828408"/>
              <a:gd name="connsiteY8" fmla="*/ 398709 h 634729"/>
              <a:gd name="connsiteX9" fmla="*/ 828408 w 828408"/>
              <a:gd name="connsiteY9" fmla="*/ 490529 h 634729"/>
              <a:gd name="connsiteX10" fmla="*/ 782806 w 828408"/>
              <a:gd name="connsiteY10" fmla="*/ 592208 h 634729"/>
              <a:gd name="connsiteX11" fmla="*/ 669418 w 828408"/>
              <a:gd name="connsiteY11" fmla="*/ 634729 h 634729"/>
              <a:gd name="connsiteX12" fmla="*/ 520288 w 828408"/>
              <a:gd name="connsiteY12" fmla="*/ 563245 h 634729"/>
              <a:gd name="connsiteX13" fmla="*/ 453733 w 828408"/>
              <a:gd name="connsiteY13" fmla="*/ 387000 h 634729"/>
              <a:gd name="connsiteX14" fmla="*/ 535694 w 828408"/>
              <a:gd name="connsiteY14" fmla="*/ 157142 h 634729"/>
              <a:gd name="connsiteX15" fmla="*/ 772947 w 828408"/>
              <a:gd name="connsiteY15" fmla="*/ 0 h 634729"/>
              <a:gd name="connsiteX16" fmla="*/ 319214 w 828408"/>
              <a:gd name="connsiteY16" fmla="*/ 0 h 634729"/>
              <a:gd name="connsiteX17" fmla="*/ 319214 w 828408"/>
              <a:gd name="connsiteY17" fmla="*/ 50532 h 634729"/>
              <a:gd name="connsiteX18" fmla="*/ 163921 w 828408"/>
              <a:gd name="connsiteY18" fmla="*/ 168850 h 634729"/>
              <a:gd name="connsiteX19" fmla="*/ 117086 w 828408"/>
              <a:gd name="connsiteY19" fmla="*/ 303191 h 634729"/>
              <a:gd name="connsiteX20" fmla="*/ 129411 w 828408"/>
              <a:gd name="connsiteY20" fmla="*/ 362350 h 634729"/>
              <a:gd name="connsiteX21" fmla="*/ 156526 w 828408"/>
              <a:gd name="connsiteY21" fmla="*/ 379605 h 634729"/>
              <a:gd name="connsiteX22" fmla="*/ 199663 w 828408"/>
              <a:gd name="connsiteY22" fmla="*/ 370361 h 634729"/>
              <a:gd name="connsiteX23" fmla="*/ 248962 w 828408"/>
              <a:gd name="connsiteY23" fmla="*/ 361118 h 634729"/>
              <a:gd name="connsiteX24" fmla="*/ 337085 w 828408"/>
              <a:gd name="connsiteY24" fmla="*/ 398709 h 634729"/>
              <a:gd name="connsiteX25" fmla="*/ 374675 w 828408"/>
              <a:gd name="connsiteY25" fmla="*/ 490529 h 634729"/>
              <a:gd name="connsiteX26" fmla="*/ 329073 w 828408"/>
              <a:gd name="connsiteY26" fmla="*/ 592208 h 634729"/>
              <a:gd name="connsiteX27" fmla="*/ 215685 w 828408"/>
              <a:gd name="connsiteY27" fmla="*/ 634729 h 634729"/>
              <a:gd name="connsiteX28" fmla="*/ 66555 w 828408"/>
              <a:gd name="connsiteY28" fmla="*/ 563245 h 634729"/>
              <a:gd name="connsiteX29" fmla="*/ 0 w 828408"/>
              <a:gd name="connsiteY29" fmla="*/ 387000 h 634729"/>
              <a:gd name="connsiteX30" fmla="*/ 81961 w 828408"/>
              <a:gd name="connsiteY30" fmla="*/ 157142 h 634729"/>
              <a:gd name="connsiteX31" fmla="*/ 319214 w 828408"/>
              <a:gd name="connsiteY31" fmla="*/ 0 h 6347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828408" h="634729">
                <a:moveTo>
                  <a:pt x="772947" y="0"/>
                </a:moveTo>
                <a:lnTo>
                  <a:pt x="772947" y="50532"/>
                </a:lnTo>
                <a:cubicBezTo>
                  <a:pt x="700641" y="88328"/>
                  <a:pt x="648877" y="127768"/>
                  <a:pt x="617654" y="168850"/>
                </a:cubicBezTo>
                <a:cubicBezTo>
                  <a:pt x="586431" y="209933"/>
                  <a:pt x="570819" y="254713"/>
                  <a:pt x="570819" y="303191"/>
                </a:cubicBezTo>
                <a:cubicBezTo>
                  <a:pt x="570819" y="331949"/>
                  <a:pt x="574928" y="351669"/>
                  <a:pt x="583144" y="362350"/>
                </a:cubicBezTo>
                <a:cubicBezTo>
                  <a:pt x="590539" y="373854"/>
                  <a:pt x="599577" y="379605"/>
                  <a:pt x="610259" y="379605"/>
                </a:cubicBezTo>
                <a:cubicBezTo>
                  <a:pt x="620940" y="379605"/>
                  <a:pt x="635319" y="376524"/>
                  <a:pt x="653396" y="370361"/>
                </a:cubicBezTo>
                <a:cubicBezTo>
                  <a:pt x="671472" y="364199"/>
                  <a:pt x="687905" y="361118"/>
                  <a:pt x="702695" y="361118"/>
                </a:cubicBezTo>
                <a:cubicBezTo>
                  <a:pt x="736383" y="361118"/>
                  <a:pt x="765757" y="373648"/>
                  <a:pt x="790818" y="398709"/>
                </a:cubicBezTo>
                <a:cubicBezTo>
                  <a:pt x="815878" y="423769"/>
                  <a:pt x="828408" y="454376"/>
                  <a:pt x="828408" y="490529"/>
                </a:cubicBezTo>
                <a:cubicBezTo>
                  <a:pt x="828408" y="529968"/>
                  <a:pt x="813208" y="563861"/>
                  <a:pt x="782806" y="592208"/>
                </a:cubicBezTo>
                <a:cubicBezTo>
                  <a:pt x="752405" y="620555"/>
                  <a:pt x="714609" y="634729"/>
                  <a:pt x="669418" y="634729"/>
                </a:cubicBezTo>
                <a:cubicBezTo>
                  <a:pt x="614367" y="634729"/>
                  <a:pt x="564657" y="610901"/>
                  <a:pt x="520288" y="563245"/>
                </a:cubicBezTo>
                <a:cubicBezTo>
                  <a:pt x="475918" y="515589"/>
                  <a:pt x="453733" y="456841"/>
                  <a:pt x="453733" y="387000"/>
                </a:cubicBezTo>
                <a:cubicBezTo>
                  <a:pt x="453733" y="304834"/>
                  <a:pt x="481053" y="228215"/>
                  <a:pt x="535694" y="157142"/>
                </a:cubicBezTo>
                <a:cubicBezTo>
                  <a:pt x="590334" y="86069"/>
                  <a:pt x="669418" y="33688"/>
                  <a:pt x="772947" y="0"/>
                </a:cubicBezTo>
                <a:close/>
                <a:moveTo>
                  <a:pt x="319214" y="0"/>
                </a:moveTo>
                <a:lnTo>
                  <a:pt x="319214" y="50532"/>
                </a:lnTo>
                <a:cubicBezTo>
                  <a:pt x="246908" y="88328"/>
                  <a:pt x="195144" y="127768"/>
                  <a:pt x="163921" y="168850"/>
                </a:cubicBezTo>
                <a:cubicBezTo>
                  <a:pt x="132698" y="209933"/>
                  <a:pt x="117086" y="254713"/>
                  <a:pt x="117086" y="303191"/>
                </a:cubicBezTo>
                <a:cubicBezTo>
                  <a:pt x="117086" y="331949"/>
                  <a:pt x="121195" y="351669"/>
                  <a:pt x="129411" y="362350"/>
                </a:cubicBezTo>
                <a:cubicBezTo>
                  <a:pt x="136806" y="373854"/>
                  <a:pt x="145844" y="379605"/>
                  <a:pt x="156526" y="379605"/>
                </a:cubicBezTo>
                <a:cubicBezTo>
                  <a:pt x="167207" y="379605"/>
                  <a:pt x="181586" y="376524"/>
                  <a:pt x="199663" y="370361"/>
                </a:cubicBezTo>
                <a:cubicBezTo>
                  <a:pt x="217739" y="364199"/>
                  <a:pt x="234172" y="361118"/>
                  <a:pt x="248962" y="361118"/>
                </a:cubicBezTo>
                <a:cubicBezTo>
                  <a:pt x="282650" y="361118"/>
                  <a:pt x="312024" y="373648"/>
                  <a:pt x="337085" y="398709"/>
                </a:cubicBezTo>
                <a:cubicBezTo>
                  <a:pt x="362145" y="423769"/>
                  <a:pt x="374675" y="454376"/>
                  <a:pt x="374675" y="490529"/>
                </a:cubicBezTo>
                <a:cubicBezTo>
                  <a:pt x="374675" y="529968"/>
                  <a:pt x="359475" y="563861"/>
                  <a:pt x="329073" y="592208"/>
                </a:cubicBezTo>
                <a:cubicBezTo>
                  <a:pt x="298672" y="620555"/>
                  <a:pt x="260876" y="634729"/>
                  <a:pt x="215685" y="634729"/>
                </a:cubicBezTo>
                <a:cubicBezTo>
                  <a:pt x="160634" y="634729"/>
                  <a:pt x="110924" y="610901"/>
                  <a:pt x="66555" y="563245"/>
                </a:cubicBezTo>
                <a:cubicBezTo>
                  <a:pt x="22185" y="515589"/>
                  <a:pt x="0" y="456841"/>
                  <a:pt x="0" y="387000"/>
                </a:cubicBezTo>
                <a:cubicBezTo>
                  <a:pt x="0" y="304834"/>
                  <a:pt x="27320" y="228215"/>
                  <a:pt x="81961" y="157142"/>
                </a:cubicBezTo>
                <a:cubicBezTo>
                  <a:pt x="136601" y="86069"/>
                  <a:pt x="215685" y="33688"/>
                  <a:pt x="319214" y="0"/>
                </a:cubicBezTo>
                <a:close/>
              </a:path>
            </a:pathLst>
          </a:custGeom>
          <a:solidFill>
            <a:schemeClr val="bg1">
              <a:alpha val="92631"/>
            </a:schemeClr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70000"/>
              </a:lnSpc>
              <a:spcBef>
                <a:spcPct val="0"/>
              </a:spcBef>
            </a:pPr>
            <a:endParaRPr lang="en-US" sz="19900" cap="all" spc="200">
              <a:solidFill>
                <a:schemeClr val="accent3">
                  <a:lumMod val="60000"/>
                  <a:lumOff val="40000"/>
                  <a:alpha val="51000"/>
                </a:schemeClr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C43D0F9-D9A7-1DFC-34B6-C81535D1FE7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1713599"/>
            <a:ext cx="5018400" cy="4424399"/>
          </a:xfrm>
        </p:spPr>
        <p:txBody>
          <a:bodyPr>
            <a:noAutofit/>
          </a:bodyPr>
          <a:lstStyle>
            <a:lvl1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Quote</a:t>
            </a:r>
            <a:endParaRPr lang="en-GB" dirty="0"/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F1E71275-5CC0-6348-59EF-6E51946B9E5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94800" y="4618075"/>
            <a:ext cx="6097199" cy="1519200"/>
          </a:xfrm>
          <a:solidFill>
            <a:schemeClr val="bg1"/>
          </a:solidFill>
        </p:spPr>
        <p:txBody>
          <a:bodyPr lIns="360000" tIns="180000" rIns="360000" bIns="180000"/>
          <a:lstStyle>
            <a:lvl5pPr>
              <a:defRPr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pic>
        <p:nvPicPr>
          <p:cNvPr id="1124543243" name="Picture 5" descr="{&quot;templafy&quot;:{&quot;id&quot;:&quot;51f51eb1-aa79-45fa-9bc3-395f90df247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5c3f7b1a-e172-41f9-bd75-ae086f9c70fe&quot;}}">
            <a:extLst>
              <a:ext uri="{FF2B5EF4-FFF2-40B4-BE49-F238E27FC236}">
                <a16:creationId xmlns:a16="http://schemas.microsoft.com/office/drawing/2014/main" id="{A80C66D1-BF62-1820-E781-B9E90AE42474}"/>
              </a:ext>
            </a:extLst>
          </p:cNvPr>
          <p:cNvSpPr/>
          <p:nvPr userDrawn="1"/>
        </p:nvSpPr>
        <p:spPr>
          <a:xfrm>
            <a:off x="493669" y="6439469"/>
            <a:ext cx="52447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9895787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ocial Media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F76F6AE-16AC-0583-7B95-974948C87A5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519416"/>
            <a:ext cx="2534277" cy="4913784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70E6DDC2-540A-5800-73D7-E95E8BC5AAB0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97276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 Social Media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54DDE5B-1F2D-F372-3892-57D934C69F4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101138"/>
            <a:ext cx="2534277" cy="4913784"/>
          </a:xfrm>
          <a:prstGeom prst="rect">
            <a:avLst/>
          </a:prstGeom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565ECB4D-3B90-B975-5CC9-1D11DD4EF38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3" name="Picture Placeholder 9">
            <a:extLst>
              <a:ext uri="{FF2B5EF4-FFF2-40B4-BE49-F238E27FC236}">
                <a16:creationId xmlns:a16="http://schemas.microsoft.com/office/drawing/2014/main" id="{C74AAC9F-FD31-5ADB-B824-244A192375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061497667" name="Picture 2" descr="{&quot;templafy&quot;:{&quot;id&quot;:&quot;f1f49327-5f0d-4aa4-82e9-6e365de172a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10" name="Footers" descr="{&quot;templafy&quot;:{&quot;id&quot;:&quot;9134239d-9582-4638-80b8-1c3473a064d2&quot;}}">
            <a:extLst>
              <a:ext uri="{FF2B5EF4-FFF2-40B4-BE49-F238E27FC236}">
                <a16:creationId xmlns:a16="http://schemas.microsoft.com/office/drawing/2014/main" id="{265503E0-3FF2-ED24-34A7-D5D7C348D4A6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27881323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cial Media Sta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868151" y="3463200"/>
            <a:ext cx="2667600" cy="26676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3F15F2C-F25B-7919-7155-CF3E6B955963}"/>
              </a:ext>
            </a:extLst>
          </p:cNvPr>
          <p:cNvSpPr/>
          <p:nvPr userDrawn="1"/>
        </p:nvSpPr>
        <p:spPr>
          <a:xfrm>
            <a:off x="3875404" y="2742753"/>
            <a:ext cx="2412998" cy="72008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39462A8-BA13-5816-CC98-AE8BB418785C}"/>
              </a:ext>
            </a:extLst>
          </p:cNvPr>
          <p:cNvSpPr/>
          <p:nvPr userDrawn="1"/>
        </p:nvSpPr>
        <p:spPr>
          <a:xfrm>
            <a:off x="6455926" y="2742753"/>
            <a:ext cx="2412998" cy="7200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621D1A5-EF12-E62C-AC4E-BE6CA3AB39B5}"/>
              </a:ext>
            </a:extLst>
          </p:cNvPr>
          <p:cNvSpPr/>
          <p:nvPr userDrawn="1"/>
        </p:nvSpPr>
        <p:spPr>
          <a:xfrm>
            <a:off x="9053513" y="2742753"/>
            <a:ext cx="2437413" cy="7200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5" name="Picture Placeholder 9">
            <a:extLst>
              <a:ext uri="{FF2B5EF4-FFF2-40B4-BE49-F238E27FC236}">
                <a16:creationId xmlns:a16="http://schemas.microsoft.com/office/drawing/2014/main" id="{309FF903-CC38-4C37-5750-8228E5B698D9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3875903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5AFC5333-4349-556A-AA4C-8264633D8826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456425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7" name="Picture Placeholder 9">
            <a:extLst>
              <a:ext uri="{FF2B5EF4-FFF2-40B4-BE49-F238E27FC236}">
                <a16:creationId xmlns:a16="http://schemas.microsoft.com/office/drawing/2014/main" id="{76FE539F-EA02-11A6-24A3-64094D6D449E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9066219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0812D6A1-9301-DA4C-0FE8-A2FA9AC562D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875903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1A5EDA48-C466-DD48-83BE-B58C6F8C2FE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456425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C7BD399E-3BDD-357D-3173-CEF24905CB9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9066219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D63E4F2-A49E-1CAC-AD88-6A5278BE8C8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0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15F6F11-90AC-E501-9C5A-58F94185AE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647225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61049E31-3DE3-F475-AAC8-ED15887EDCC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257019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26854C-0F3F-4897-A932-6F260094620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 b="24590"/>
          <a:stretch/>
        </p:blipFill>
        <p:spPr>
          <a:xfrm>
            <a:off x="339903" y="1412777"/>
            <a:ext cx="3724097" cy="5445224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90884136" name="Picture 2" descr="{&quot;templafy&quot;:{&quot;id&quot;:&quot;f1230608-e9a1-4999-aa09-33e9a7ba37e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55846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ne Scree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545805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11D87860-7BDA-6ACF-8AD2-853F44125DA8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453733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57BB32CB-B29F-4116-9105-192016E0603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4218695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498695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6EE0956-AB5F-AC03-EAB3-36441D88518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125433" y="1492098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17DACB36-D4E1-F498-4226-F130DA4F5BC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000364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2605CA00-36D2-E3AA-8BE8-1E472C3C45D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6672064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39564246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evices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E9147874-D641-36E1-03C9-5414641E949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5210176" y="2034000"/>
            <a:ext cx="5608678" cy="3341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D1D222DE-C8E6-D25C-E6F2-0624A2B9EC69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10220325" y="3143249"/>
            <a:ext cx="1355726" cy="29368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AB84BED-AAA1-1FE1-26B0-C3711E7D650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980535" y="2869499"/>
            <a:ext cx="1876105" cy="3367813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pic>
        <p:nvPicPr>
          <p:cNvPr id="498246361" name="Picture 2" descr="{&quot;templafy&quot;:{&quot;id&quot;:&quot;a25682f3-7f2a-4afb-8794-81ba99d24da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12" name="Footers" descr="{&quot;templafy&quot;:{&quot;id&quot;:&quot;d29b1644-418d-4647-978b-61158c3a43ef&quot;}}">
            <a:extLst>
              <a:ext uri="{FF2B5EF4-FFF2-40B4-BE49-F238E27FC236}">
                <a16:creationId xmlns:a16="http://schemas.microsoft.com/office/drawing/2014/main" id="{659BA62A-A8BE-FA03-5F36-97B41E501250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24535741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pt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00650" y="2041524"/>
            <a:ext cx="5591175" cy="3343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344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35D7C6D-AFB7-4703-6ED0-E0A861DE56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31162586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 Laptop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3345689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33486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Picture Placeholder 9">
            <a:extLst>
              <a:ext uri="{FF2B5EF4-FFF2-40B4-BE49-F238E27FC236}">
                <a16:creationId xmlns:a16="http://schemas.microsoft.com/office/drawing/2014/main" id="{8D819A63-FF9D-A3D7-5D19-99428A5AB4F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14938" y="2034000"/>
            <a:ext cx="5572125" cy="334762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F39E2188-EF07-418A-877E-B5F25E893A6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pic>
        <p:nvPicPr>
          <p:cNvPr id="1662344547" name="Picture 9" descr="{&quot;templafy&quot;:{&quot;id&quot;:&quot;04308776-517a-4fab-bc8d-642367b9d30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c228c63b-d8d3-4c85-9c07-6e5e5cb0c2b0&quot;}}">
            <a:extLst>
              <a:ext uri="{FF2B5EF4-FFF2-40B4-BE49-F238E27FC236}">
                <a16:creationId xmlns:a16="http://schemas.microsoft.com/office/drawing/2014/main" id="{A8E3D4F8-4824-4C0A-18D2-867C9C52094C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9312083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/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3638FD4C-1242-FA12-1AE1-9624BF414B2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027837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bar Billboard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>
            <a:extLst>
              <a:ext uri="{FF2B5EF4-FFF2-40B4-BE49-F238E27FC236}">
                <a16:creationId xmlns:a16="http://schemas.microsoft.com/office/drawing/2014/main" id="{F21E9437-E9FE-CAAE-4F68-75579172410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6612"/>
          <a:stretch/>
        </p:blipFill>
        <p:spPr>
          <a:xfrm>
            <a:off x="2597949" y="4554"/>
            <a:ext cx="9594051" cy="6848892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698F3588-281E-71E0-698D-DE2EFA5D7E6E}"/>
              </a:ext>
            </a:extLst>
          </p:cNvPr>
          <p:cNvSpPr/>
          <p:nvPr userDrawn="1"/>
        </p:nvSpPr>
        <p:spPr>
          <a:xfrm>
            <a:off x="0" y="1"/>
            <a:ext cx="3503778" cy="6858000"/>
          </a:xfrm>
          <a:prstGeom prst="rect">
            <a:avLst/>
          </a:prstGeom>
          <a:gradFill flip="none" rotWithShape="1">
            <a:gsLst>
              <a:gs pos="86000">
                <a:srgbClr val="1F538F"/>
              </a:gs>
              <a:gs pos="60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9" y="720000"/>
            <a:ext cx="2417761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24215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3DD438D-2CD1-72E2-C5C5-E3BE4E453233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127500" y="2048399"/>
            <a:ext cx="7082900" cy="2622025"/>
          </a:xfrm>
          <a:solidFill>
            <a:schemeClr val="bg1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pic>
        <p:nvPicPr>
          <p:cNvPr id="1759385612" name="Picture 5" descr="{&quot;templafy&quot;:{&quot;id&quot;:&quot;2a5de407-1d75-458a-91ab-dfaf0e59ea2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5" name="Footers" descr="{&quot;templafy&quot;:{&quot;id&quot;:&quot;cce1983f-fdc4-407e-be5d-e3b2d03f324d&quot;}}">
            <a:extLst>
              <a:ext uri="{FF2B5EF4-FFF2-40B4-BE49-F238E27FC236}">
                <a16:creationId xmlns:a16="http://schemas.microsoft.com/office/drawing/2014/main" id="{5FF96054-72DE-8601-1E1E-8784184272B8}"/>
              </a:ext>
            </a:extLst>
          </p:cNvPr>
          <p:cNvSpPr/>
          <p:nvPr userDrawn="1"/>
        </p:nvSpPr>
        <p:spPr>
          <a:xfrm>
            <a:off x="493669" y="6439469"/>
            <a:ext cx="26432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9599508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gazin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6122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2367BA-8F05-446D-84E4-1D4A251DEF07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651822" y="1628880"/>
            <a:ext cx="3751231" cy="4509120"/>
          </a:xfrm>
          <a:prstGeom prst="rect">
            <a:avLst/>
          </a:prstGeom>
          <a:effectLst>
            <a:outerShdw blurRad="193495" dist="146531" dir="3540000" sx="99000" sy="99000" algn="t" rotWithShape="0">
              <a:prstClr val="black">
                <a:alpha val="40000"/>
              </a:prstClr>
            </a:outerShdw>
          </a:effectLst>
        </p:spPr>
      </p:pic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8218A61B-6F4F-B694-869D-DF3F3E7BF0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28248" y="1627430"/>
            <a:ext cx="3074765" cy="4509225"/>
          </a:xfrm>
          <a:solidFill>
            <a:schemeClr val="bg1"/>
          </a:solidFill>
        </p:spPr>
        <p:txBody>
          <a:bodyPr tIns="648000" anchor="ctr" anchorCtr="1"/>
          <a:lstStyle/>
          <a:p>
            <a:r>
              <a:rPr lang="en-US" dirty="0"/>
              <a:t>Click icon to add pictur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752E313-28CB-8D27-CE72-0374CF6A9254}"/>
              </a:ext>
            </a:extLst>
          </p:cNvPr>
          <p:cNvSpPr/>
          <p:nvPr userDrawn="1"/>
        </p:nvSpPr>
        <p:spPr>
          <a:xfrm>
            <a:off x="8328248" y="1628155"/>
            <a:ext cx="725265" cy="4509120"/>
          </a:xfrm>
          <a:prstGeom prst="rect">
            <a:avLst/>
          </a:prstGeom>
          <a:gradFill flip="none" rotWithShape="1">
            <a:gsLst>
              <a:gs pos="0">
                <a:schemeClr val="accent4">
                  <a:lumMod val="5000"/>
                  <a:lumOff val="95000"/>
                  <a:alpha val="0"/>
                </a:schemeClr>
              </a:gs>
              <a:gs pos="63000">
                <a:schemeClr val="accent4">
                  <a:lumMod val="45000"/>
                  <a:lumOff val="55000"/>
                  <a:alpha val="66000"/>
                </a:schemeClr>
              </a:gs>
              <a:gs pos="100000">
                <a:schemeClr val="tx1">
                  <a:lumMod val="50000"/>
                  <a:lumOff val="50000"/>
                </a:schemeClr>
              </a:gs>
            </a:gsLst>
            <a:lin ang="108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44243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Footer i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Guides" hidden="1">
            <a:extLst>
              <a:ext uri="{FF2B5EF4-FFF2-40B4-BE49-F238E27FC236}">
                <a16:creationId xmlns:a16="http://schemas.microsoft.com/office/drawing/2014/main" id="{701F89E3-1860-5814-889C-8F8203A4F6D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21660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716889244" name="Picture 2" descr="{&quot;templafy&quot;:{&quot;id&quot;:&quot;ab5a1a56-d5aa-4bfa-8731-74b06d5b54f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2" name="Footers" descr="{&quot;templafy&quot;:{&quot;id&quot;:&quot;624ea2b0-a909-4c4a-ab39-35d70c7bf9a9&quot;}}">
            <a:extLst>
              <a:ext uri="{FF2B5EF4-FFF2-40B4-BE49-F238E27FC236}">
                <a16:creationId xmlns:a16="http://schemas.microsoft.com/office/drawing/2014/main" id="{671FF6C4-2E7B-8812-247C-481E08287004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41931420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Blue BKG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4DA99DF-29E6-9194-487B-0815EC833FA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gradFill flip="none" rotWithShape="1">
            <a:gsLst>
              <a:gs pos="100000">
                <a:srgbClr val="1F538F"/>
              </a:gs>
              <a:gs pos="39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530265232" name="Picture 5" descr="{&quot;templafy&quot;:{&quot;id&quot;:&quot;79e2dd3b-4830-4e00-a332-1eac574a427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d889bcb3-146e-487e-9c2c-8f11c21609f6&quot;}}">
            <a:extLst>
              <a:ext uri="{FF2B5EF4-FFF2-40B4-BE49-F238E27FC236}">
                <a16:creationId xmlns:a16="http://schemas.microsoft.com/office/drawing/2014/main" id="{882B42BA-3646-F146-CA01-0321063D76A1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349925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Guides" hidden="1">
            <a:extLst>
              <a:ext uri="{FF2B5EF4-FFF2-40B4-BE49-F238E27FC236}">
                <a16:creationId xmlns:a16="http://schemas.microsoft.com/office/drawing/2014/main" id="{8CBDB7B0-4561-2F0F-FCA3-EB062B65853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54449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A">
    <p:bg>
      <p:bgPr>
        <a:gradFill>
          <a:gsLst>
            <a:gs pos="22000">
              <a:schemeClr val="bg1"/>
            </a:gs>
            <a:gs pos="100000">
              <a:schemeClr val="accent6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38615178-D3EF-0351-B14B-847E20DE72E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1300332198" name="Picture 2" descr="{&quot;templafy&quot;:{&quot;id&quot;:&quot;f2756545-5b02-40a2-8ecb-a2bcd413322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56000" y="2794000"/>
            <a:ext cx="5081026" cy="12710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01083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7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48" userDrawn="1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B">
    <p:bg>
      <p:bgPr>
        <a:gradFill>
          <a:gsLst>
            <a:gs pos="87000">
              <a:srgbClr val="1F538F"/>
            </a:gs>
            <a:gs pos="52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07792B4C-F919-7FC6-37AC-1AC9B390E5F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106142462" name="Picture 2" descr="{&quot;templafy&quot;:{&quot;id&quot;:&quot;f2feb5bc-8bfc-4745-aebd-1b4daaa2b6c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56000" y="2794000"/>
            <a:ext cx="5081026" cy="12710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85135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Guides" hidden="1">
            <a:extLst>
              <a:ext uri="{FF2B5EF4-FFF2-40B4-BE49-F238E27FC236}">
                <a16:creationId xmlns:a16="http://schemas.microsoft.com/office/drawing/2014/main" id="{34F4D84D-8B38-E9C5-1868-7F61784FF06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7F0FCFE-6765-0832-0840-9CF39F36BB4B}"/>
              </a:ext>
            </a:extLst>
          </p:cNvPr>
          <p:cNvSpPr txBox="1"/>
          <p:nvPr userDrawn="1"/>
        </p:nvSpPr>
        <p:spPr>
          <a:xfrm>
            <a:off x="719138" y="719138"/>
            <a:ext cx="10752137" cy="212365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4400" dirty="0">
                <a:solidFill>
                  <a:schemeClr val="bg1"/>
                </a:solidFill>
              </a:rPr>
              <a:t>If you see any </a:t>
            </a:r>
            <a:r>
              <a:rPr lang="en-GB" sz="4400" b="1" i="1" dirty="0">
                <a:solidFill>
                  <a:schemeClr val="bg1"/>
                </a:solidFill>
              </a:rPr>
              <a:t>layouts after this </a:t>
            </a:r>
            <a:r>
              <a:rPr lang="en-GB" sz="4400" dirty="0">
                <a:solidFill>
                  <a:schemeClr val="bg1"/>
                </a:solidFill>
              </a:rPr>
              <a:t>one,</a:t>
            </a:r>
            <a:br>
              <a:rPr lang="en-GB" sz="4400" dirty="0">
                <a:solidFill>
                  <a:schemeClr val="bg1"/>
                </a:solidFill>
              </a:rPr>
            </a:br>
            <a:r>
              <a:rPr lang="en-GB" sz="4400" dirty="0">
                <a:solidFill>
                  <a:schemeClr val="bg1"/>
                </a:solidFill>
              </a:rPr>
              <a:t>do not use them. These layouts are not part of our corporate template.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66478E-CC82-DDC4-E285-44F5186FA8EF}"/>
              </a:ext>
            </a:extLst>
          </p:cNvPr>
          <p:cNvSpPr txBox="1"/>
          <p:nvPr userDrawn="1"/>
        </p:nvSpPr>
        <p:spPr>
          <a:xfrm>
            <a:off x="719138" y="2552651"/>
            <a:ext cx="9826625" cy="224676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0" b="1" i="1" dirty="0">
                <a:solidFill>
                  <a:schemeClr val="bg1"/>
                </a:solidFill>
              </a:rPr>
              <a:t>Do not use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A5D99491-12E6-F691-C3B6-1E56D3E5BEA5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0CE8E280-940A-9CA6-05EF-30988A74A821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D0B93E5-EC9B-1CC2-0E61-75FEB63B4820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1" name="TextBox 10">
            <a:extLst>
              <a:ext uri="{FF2B5EF4-FFF2-40B4-BE49-F238E27FC236}">
                <a16:creationId xmlns:a16="http://schemas.microsoft.com/office/drawing/2014/main" id="{101A1C46-3C4F-8189-EA0E-23635248B2F4}"/>
              </a:ext>
            </a:extLst>
          </p:cNvPr>
          <p:cNvSpPr txBox="1"/>
          <p:nvPr userDrawn="1"/>
        </p:nvSpPr>
        <p:spPr>
          <a:xfrm>
            <a:off x="719138" y="5142277"/>
            <a:ext cx="10752137" cy="7848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Also notice: Layouts after this might contain potential confidential information.</a:t>
            </a:r>
          </a:p>
        </p:txBody>
      </p:sp>
    </p:spTree>
    <p:extLst>
      <p:ext uri="{BB962C8B-B14F-4D97-AF65-F5344CB8AC3E}">
        <p14:creationId xmlns:p14="http://schemas.microsoft.com/office/powerpoint/2010/main" val="25773989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040FC8-58E5-9DBB-6FC3-555242B27A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72BCAAA-EB9E-E445-48DE-38C60005BBB0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095F00A-F51A-A7B2-2656-D66E59D1AEA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C21615C-B02B-D8EA-4755-B14F4387327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D3CC75A-B60A-5B4E-A8D2-4B1A9B367557}" type="datetime1">
              <a:rPr lang="en-US" smtClean="0"/>
              <a:t>4/4/25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B96EBED-A1F8-3F61-EE63-C91D77D35EC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tinyurl.com/ICHPS2025Mixed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3B8F522-902D-44CC-777D-506FC9A8D2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BBD4ED5-DB7E-AD42-80BA-64D09815C94E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418167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>
                <a:solidFill>
                  <a:schemeClr val="accent2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F71C5786-03E4-BADA-2C63-BC735E4C49C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2090953625" name="Picture 2" descr="{&quot;templafy&quot;:{&quot;id&quot;:&quot;56a6420a-dc80-4e1c-b747-e80c04b693e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10" name="Footers" descr="{&quot;templafy&quot;:{&quot;id&quot;:&quot;756ef90b-4594-465a-8b5f-38a3c8ca7f62&quot;}}">
            <a:extLst>
              <a:ext uri="{FF2B5EF4-FFF2-40B4-BE49-F238E27FC236}">
                <a16:creationId xmlns:a16="http://schemas.microsoft.com/office/drawing/2014/main" id="{EEF98E8D-99B9-1350-CE5D-F9AA9BE7E2C5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8297985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A510A4-2986-80A9-9E36-891BFD39BA5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2E1A438-8F6C-F1E9-EFAC-784F331481F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9A25E4C-AFA4-7E14-67AC-285BB6E8ACE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F3192B29-5094-2837-089E-619A7A032184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F72F7C8-A283-B699-C9E4-9DBCE7E0A6D1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BD1BB99-B4E9-38F0-C107-C9BA9EDDCF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93629A6-0265-0145-96AC-60A1C1F7A9F3}" type="datetime1">
              <a:rPr lang="en-US" smtClean="0"/>
              <a:t>4/4/25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05EB48B-D6EB-DE38-A7A6-51C4E89F67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tinyurl.com/ICHPS2025Mixed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BFE201D-8311-C7A2-B861-7B7F729D2E6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BBD4ED5-DB7E-AD42-80BA-64D09815C94E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7227609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3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5" name="Line top Placeholder 20">
            <a:extLst>
              <a:ext uri="{FF2B5EF4-FFF2-40B4-BE49-F238E27FC236}">
                <a16:creationId xmlns:a16="http://schemas.microsoft.com/office/drawing/2014/main" id="{A191D59F-2E4F-9DFD-FEAC-7FF6480D86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53F47F8-2FA5-B3C4-62D6-146B019264A1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7C09ABE0-4AC7-DE98-E246-798BA091147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284357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4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2">
                    <a:lumMod val="20000"/>
                    <a:lumOff val="80000"/>
                  </a:schemeClr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7AE78B8-0EB3-C024-37F4-F509882235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783036314" name="Picture 7" descr="{&quot;templafy&quot;:{&quot;id&quot;:&quot;80479175-33cb-4154-8a9d-565502c9c40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4" name="Footers" descr="{&quot;templafy&quot;:{&quot;id&quot;:&quot;1b227357-0113-441e-b07e-a29b2c4f81c4&quot;}}">
            <a:extLst>
              <a:ext uri="{FF2B5EF4-FFF2-40B4-BE49-F238E27FC236}">
                <a16:creationId xmlns:a16="http://schemas.microsoft.com/office/drawing/2014/main" id="{EF2D8E63-A6AE-C7A6-2735-88585060CB06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3582414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C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59999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accent3"/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18E4D93D-2A45-24EA-FE18-43B286D00ED0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59769393" name="Picture 7" descr="{&quot;templafy&quot;:{&quot;id&quot;:&quot;18dd2866-c000-4bc4-a4fe-b4281ed1519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14368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D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59998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accent3">
                    <a:lumMod val="60000"/>
                    <a:lumOff val="40000"/>
                  </a:schemeClr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EEFCB10F-81AA-2405-D116-45EC5887718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686171578" name="Picture 7" descr="{&quot;templafy&quot;:{&quot;id&quot;:&quot;e6d7b454-1dab-40cd-999e-ecc8089d79d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66797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tags" Target="../tags/tag3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tags" Target="../tags/tag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tags" Target="../tags/tag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7F7F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24653DF-2095-1798-1D71-96071517C202}"/>
              </a:ext>
            </a:extLst>
          </p:cNvPr>
          <p:cNvSpPr>
            <a:spLocks noGrp="1"/>
          </p:cNvSpPr>
          <p:nvPr>
            <p:ph type="title"/>
            <p:custDataLst>
              <p:tags r:id="rId52"/>
            </p:custDataLst>
          </p:nvPr>
        </p:nvSpPr>
        <p:spPr>
          <a:xfrm>
            <a:off x="719138" y="720000"/>
            <a:ext cx="10753724" cy="9072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endParaRPr lang="en-US" noProof="0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5B3B6BD-6FE3-BE4B-16AE-1D8275ECAA77}"/>
              </a:ext>
            </a:extLst>
          </p:cNvPr>
          <p:cNvSpPr>
            <a:spLocks noGrp="1"/>
          </p:cNvSpPr>
          <p:nvPr>
            <p:ph type="body" idx="1"/>
            <p:custDataLst>
              <p:tags r:id="rId53"/>
            </p:custDataLst>
          </p:nvPr>
        </p:nvSpPr>
        <p:spPr>
          <a:xfrm>
            <a:off x="720000" y="1713599"/>
            <a:ext cx="10752000" cy="4424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e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BFCFEF-8B6A-152F-1EE7-29B8B4C5E8D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232417" y="6441068"/>
            <a:ext cx="26125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25</a:t>
            </a:r>
          </a:p>
        </p:txBody>
      </p:sp>
      <p:sp>
        <p:nvSpPr>
          <p:cNvPr id="14" name="Footers" descr="{&quot;templafy&quot;:{&quot;id&quot;:&quot;60b31f76-2dd6-492d-96cb-e7a80eee9d30&quot;}}">
            <a:extLst>
              <a:ext uri="{FF2B5EF4-FFF2-40B4-BE49-F238E27FC236}">
                <a16:creationId xmlns:a16="http://schemas.microsoft.com/office/drawing/2014/main" id="{C9D8BBB8-64ED-CEAF-3B7D-CCE7CC4C4579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accent1"/>
                </a:solidFill>
              </a:rPr>
              <a:t>Department of Biostatistics, Epidemiology and Informatics  |  Perelman School of Medicine</a:t>
            </a:r>
          </a:p>
        </p:txBody>
      </p:sp>
      <p:sp>
        <p:nvSpPr>
          <p:cNvPr id="19" name="Guides" hidden="1">
            <a:extLst>
              <a:ext uri="{FF2B5EF4-FFF2-40B4-BE49-F238E27FC236}">
                <a16:creationId xmlns:a16="http://schemas.microsoft.com/office/drawing/2014/main" id="{0D073D88-5C5F-430B-DE0F-D1CD684A6AE8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15419959" name="Picture 3" descr="{&quot;templafy&quot;:{&quot;id&quot;:&quot;698def7e-c117-4c75-82d5-7e8e01db22be&quot;}}"/>
          <p:cNvPicPr>
            <a:picLocks noChangeAspect="1"/>
          </p:cNvPicPr>
          <p:nvPr/>
        </p:nvPicPr>
        <p:blipFill>
          <a:blip r:embed="rId55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544867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7" r:id="rId1"/>
    <p:sldLayoutId id="2147483649" r:id="rId2"/>
    <p:sldLayoutId id="2147483658" r:id="rId3"/>
    <p:sldLayoutId id="2147483699" r:id="rId4"/>
    <p:sldLayoutId id="2147483700" r:id="rId5"/>
    <p:sldLayoutId id="2147483701" r:id="rId6"/>
    <p:sldLayoutId id="2147483702" r:id="rId7"/>
    <p:sldLayoutId id="2147483703" r:id="rId8"/>
    <p:sldLayoutId id="2147483704" r:id="rId9"/>
    <p:sldLayoutId id="2147483705" r:id="rId10"/>
    <p:sldLayoutId id="2147483706" r:id="rId11"/>
    <p:sldLayoutId id="2147483743" r:id="rId12"/>
    <p:sldLayoutId id="2147483707" r:id="rId13"/>
    <p:sldLayoutId id="2147483708" r:id="rId14"/>
    <p:sldLayoutId id="2147483709" r:id="rId15"/>
    <p:sldLayoutId id="2147483710" r:id="rId16"/>
    <p:sldLayoutId id="2147483711" r:id="rId17"/>
    <p:sldLayoutId id="2147483712" r:id="rId18"/>
    <p:sldLayoutId id="2147483713" r:id="rId19"/>
    <p:sldLayoutId id="2147483714" r:id="rId20"/>
    <p:sldLayoutId id="2147483715" r:id="rId21"/>
    <p:sldLayoutId id="2147483716" r:id="rId22"/>
    <p:sldLayoutId id="2147483717" r:id="rId23"/>
    <p:sldLayoutId id="2147483718" r:id="rId24"/>
    <p:sldLayoutId id="2147483719" r:id="rId25"/>
    <p:sldLayoutId id="2147483720" r:id="rId26"/>
    <p:sldLayoutId id="2147483721" r:id="rId27"/>
    <p:sldLayoutId id="2147483722" r:id="rId28"/>
    <p:sldLayoutId id="2147483723" r:id="rId29"/>
    <p:sldLayoutId id="2147483724" r:id="rId30"/>
    <p:sldLayoutId id="2147483725" r:id="rId31"/>
    <p:sldLayoutId id="2147483726" r:id="rId32"/>
    <p:sldLayoutId id="2147483727" r:id="rId33"/>
    <p:sldLayoutId id="2147483728" r:id="rId34"/>
    <p:sldLayoutId id="2147483729" r:id="rId35"/>
    <p:sldLayoutId id="2147483730" r:id="rId36"/>
    <p:sldLayoutId id="2147483731" r:id="rId37"/>
    <p:sldLayoutId id="2147483732" r:id="rId38"/>
    <p:sldLayoutId id="2147483733" r:id="rId39"/>
    <p:sldLayoutId id="2147483734" r:id="rId40"/>
    <p:sldLayoutId id="2147483735" r:id="rId41"/>
    <p:sldLayoutId id="2147483736" r:id="rId42"/>
    <p:sldLayoutId id="2147483737" r:id="rId43"/>
    <p:sldLayoutId id="2147483738" r:id="rId44"/>
    <p:sldLayoutId id="2147483739" r:id="rId45"/>
    <p:sldLayoutId id="2147483740" r:id="rId46"/>
    <p:sldLayoutId id="2147483741" r:id="rId47"/>
    <p:sldLayoutId id="2147483742" r:id="rId48"/>
    <p:sldLayoutId id="2147483744" r:id="rId49"/>
    <p:sldLayoutId id="2147483745" r:id="rId50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b="1" kern="1200">
          <a:solidFill>
            <a:schemeClr val="accent1"/>
          </a:solidFill>
          <a:latin typeface="Domine" panose="02040503040403060204" pitchFamily="18" charset="0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250"/>
        </a:spcBef>
        <a:spcAft>
          <a:spcPts val="600"/>
        </a:spcAft>
        <a:buFont typeface="Arial" panose="020B0604020202020204" pitchFamily="34" charset="0"/>
        <a:buNone/>
        <a:defRPr sz="20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1pPr>
      <a:lvl2pPr marL="285750" indent="-285750" algn="l" defTabSz="914400" rtl="0" eaLnBrk="1" latinLnBrk="0" hangingPunct="1">
        <a:lnSpc>
          <a:spcPct val="100000"/>
        </a:lnSpc>
        <a:spcBef>
          <a:spcPts val="400"/>
        </a:spcBef>
        <a:spcAft>
          <a:spcPts val="100"/>
        </a:spcAft>
        <a:buClr>
          <a:schemeClr val="accent3"/>
        </a:buClr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2pPr>
      <a:lvl3pPr marL="422550" indent="-28575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/>
        </a:buClr>
        <a:buFont typeface="Arial" panose="020B0604020202020204" pitchFamily="34" charset="0"/>
        <a:buChar char="•"/>
        <a:defRPr sz="18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3pPr>
      <a:lvl4pPr marL="606150" indent="-285750" algn="l" defTabSz="914400" rtl="0" eaLnBrk="1" latinLnBrk="0" hangingPunct="1">
        <a:lnSpc>
          <a:spcPct val="100000"/>
        </a:lnSpc>
        <a:spcBef>
          <a:spcPts val="100"/>
        </a:spcBef>
        <a:spcAft>
          <a:spcPts val="300"/>
        </a:spcAft>
        <a:buClr>
          <a:srgbClr val="9EC3E1"/>
        </a:buClr>
        <a:buFont typeface="Arial" panose="020B0604020202020204" pitchFamily="34" charset="0"/>
        <a:buChar char="•"/>
        <a:defRPr sz="16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300"/>
        </a:spcAft>
        <a:buFont typeface="Arial" panose="020B0604020202020204" pitchFamily="34" charset="0"/>
        <a:buNone/>
        <a:defRPr sz="2400" b="1" kern="1200" cap="all" spc="200" baseline="0">
          <a:solidFill>
            <a:schemeClr val="accent2"/>
          </a:solidFill>
          <a:latin typeface="DM Sans 14pt" pitchFamily="2" charset="77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None/>
        <a:defRPr sz="2000" b="1" kern="1200">
          <a:solidFill>
            <a:schemeClr val="accent3"/>
          </a:solidFill>
          <a:latin typeface="DM Sans 14pt" pitchFamily="2" charset="77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None/>
        <a:defRPr sz="1800" b="1" kern="1200" cap="all" spc="180" baseline="0">
          <a:solidFill>
            <a:schemeClr val="accent1"/>
          </a:solidFill>
          <a:latin typeface="DM Sans 14pt" pitchFamily="2" charset="77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800" b="1" kern="1200">
          <a:solidFill>
            <a:srgbClr val="990000"/>
          </a:solidFill>
          <a:latin typeface="DM Sans 14pt" pitchFamily="2" charset="77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 typeface="Arial" panose="020B0604020202020204" pitchFamily="34" charset="0"/>
        <a:buNone/>
        <a:defRPr sz="1400" i="1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>
          <p15:clr>
            <a:srgbClr val="F26B43"/>
          </p15:clr>
        </p15:guide>
        <p15:guide id="2" pos="3840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svg"/><Relationship Id="rId7" Type="http://schemas.openxmlformats.org/officeDocument/2006/relationships/image" Target="../media/image34.sv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49.xml"/><Relationship Id="rId6" Type="http://schemas.openxmlformats.org/officeDocument/2006/relationships/image" Target="../media/image33.png"/><Relationship Id="rId5" Type="http://schemas.openxmlformats.org/officeDocument/2006/relationships/image" Target="../media/image32.svg"/><Relationship Id="rId4" Type="http://schemas.openxmlformats.org/officeDocument/2006/relationships/image" Target="../media/image31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9.xml"/><Relationship Id="rId4" Type="http://schemas.openxmlformats.org/officeDocument/2006/relationships/image" Target="../media/image30.svg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9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9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1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4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0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0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0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9.png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14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0.png"/><Relationship Id="rId1" Type="http://schemas.openxmlformats.org/officeDocument/2006/relationships/slideLayout" Target="../slideLayouts/slideLayout14.xml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0.png"/><Relationship Id="rId1" Type="http://schemas.openxmlformats.org/officeDocument/2006/relationships/slideLayout" Target="../slideLayouts/slideLayout14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4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gif"/><Relationship Id="rId2" Type="http://schemas.openxmlformats.org/officeDocument/2006/relationships/image" Target="../media/image290.png"/><Relationship Id="rId1" Type="http://schemas.openxmlformats.org/officeDocument/2006/relationships/slideLayout" Target="../slideLayouts/slideLayout18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0.png"/><Relationship Id="rId1" Type="http://schemas.openxmlformats.org/officeDocument/2006/relationships/slideLayout" Target="../slideLayouts/slideLayout14.xml"/></Relationships>
</file>

<file path=ppt/slides/_rels/slide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14.xml"/></Relationships>
</file>

<file path=ppt/slides/_rels/slide4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4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jpg"/><Relationship Id="rId1" Type="http://schemas.openxmlformats.org/officeDocument/2006/relationships/slideLayout" Target="../slideLayouts/slideLayout18.xml"/></Relationships>
</file>

<file path=ppt/slides/_rels/slide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18.xml"/></Relationships>
</file>

<file path=ppt/slides/_rels/slide4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4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18.xml"/></Relationships>
</file>

<file path=ppt/slides/_rels/slide4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svg"/><Relationship Id="rId3" Type="http://schemas.openxmlformats.org/officeDocument/2006/relationships/image" Target="../media/image20.png"/><Relationship Id="rId7" Type="http://schemas.openxmlformats.org/officeDocument/2006/relationships/image" Target="../media/image24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23.svg"/><Relationship Id="rId11" Type="http://schemas.openxmlformats.org/officeDocument/2006/relationships/image" Target="../media/image19.png"/><Relationship Id="rId5" Type="http://schemas.openxmlformats.org/officeDocument/2006/relationships/image" Target="../media/image22.png"/><Relationship Id="rId10" Type="http://schemas.openxmlformats.org/officeDocument/2006/relationships/image" Target="../media/image27.svg"/><Relationship Id="rId4" Type="http://schemas.openxmlformats.org/officeDocument/2006/relationships/image" Target="../media/image21.svg"/><Relationship Id="rId9" Type="http://schemas.openxmlformats.org/officeDocument/2006/relationships/image" Target="../media/image26.png"/></Relationships>
</file>

<file path=ppt/slides/_rels/slide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5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5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5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svg"/><Relationship Id="rId3" Type="http://schemas.openxmlformats.org/officeDocument/2006/relationships/image" Target="../media/image20.png"/><Relationship Id="rId7" Type="http://schemas.openxmlformats.org/officeDocument/2006/relationships/image" Target="../media/image24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23.svg"/><Relationship Id="rId11" Type="http://schemas.openxmlformats.org/officeDocument/2006/relationships/image" Target="../media/image19.png"/><Relationship Id="rId5" Type="http://schemas.openxmlformats.org/officeDocument/2006/relationships/image" Target="../media/image22.png"/><Relationship Id="rId10" Type="http://schemas.openxmlformats.org/officeDocument/2006/relationships/image" Target="../media/image27.svg"/><Relationship Id="rId4" Type="http://schemas.openxmlformats.org/officeDocument/2006/relationships/image" Target="../media/image21.svg"/><Relationship Id="rId9" Type="http://schemas.openxmlformats.org/officeDocument/2006/relationships/image" Target="../media/image26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BBFF94B-6EC6-1AE5-2EA6-2DD12DE20F18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381D047-19B8-7AD1-7088-87D7B9B2688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4400" dirty="0">
                <a:latin typeface="Domine" panose="02040503040403060204" pitchFamily="18" charset="0"/>
              </a:rPr>
              <a:t>Design Thinking for Policy Evaluation: </a:t>
            </a:r>
            <a:r>
              <a:rPr lang="en-US" sz="4000" dirty="0">
                <a:latin typeface="Domine" panose="02040503040403060204" pitchFamily="18" charset="0"/>
              </a:rPr>
              <a:t>The Policy Trial Emulation Framework</a:t>
            </a:r>
            <a:endParaRPr lang="en-US" sz="4400" dirty="0">
              <a:latin typeface="Domine" panose="02040503040403060204" pitchFamily="18" charset="0"/>
            </a:endParaRP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026CC385-AE54-DE4C-DC87-5D20E5E27EC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 err="1">
                <a:latin typeface="DM Sans 14pt" pitchFamily="2" charset="77"/>
              </a:rPr>
              <a:t>Ncsu</a:t>
            </a:r>
            <a:r>
              <a:rPr lang="en-US" dirty="0">
                <a:latin typeface="DM Sans 14pt" pitchFamily="2" charset="77"/>
              </a:rPr>
              <a:t> Department of statistics seminar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E52BC8D-92AF-9784-8DFD-8E255CF4D8E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720000" y="5292762"/>
            <a:ext cx="5194300" cy="317109"/>
          </a:xfrm>
        </p:spPr>
        <p:txBody>
          <a:bodyPr/>
          <a:lstStyle/>
          <a:p>
            <a:r>
              <a:rPr lang="en-US" sz="2400" dirty="0">
                <a:latin typeface="DM Sans 14pt" pitchFamily="2" charset="77"/>
              </a:rPr>
              <a:t>Nicholas J. Seewald, Ph.D.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58BDF13-250B-5A70-4CD4-62324E4E977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720000" y="5600571"/>
            <a:ext cx="5194300" cy="317109"/>
          </a:xfrm>
        </p:spPr>
        <p:txBody>
          <a:bodyPr/>
          <a:lstStyle/>
          <a:p>
            <a:r>
              <a:rPr lang="en-US" sz="1800" dirty="0">
                <a:latin typeface="DM Sans 14pt" pitchFamily="2" charset="77"/>
              </a:rPr>
              <a:t>Assistant Professor of Biostatistic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58761E-67B4-92E5-C091-00579ABF6F0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720000" y="5905323"/>
            <a:ext cx="5194300" cy="295452"/>
          </a:xfrm>
        </p:spPr>
        <p:txBody>
          <a:bodyPr/>
          <a:lstStyle/>
          <a:p>
            <a:r>
              <a:rPr lang="en-US" sz="1600" dirty="0">
                <a:latin typeface="DM Sans 14pt" pitchFamily="2" charset="77"/>
              </a:rPr>
              <a:t>April 4, 202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64392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0C8541-5055-5E90-28A8-075315C0F6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mponents of Policy Trial Emul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D5235D0-54F5-2A26-0E0A-C036D07752A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514350" indent="-514350">
              <a:buFont typeface="+mj-lt"/>
              <a:buAutoNum type="arabicPeriod"/>
            </a:pPr>
            <a:r>
              <a:rPr lang="en-US" dirty="0"/>
              <a:t>Units and eligibility criteria</a:t>
            </a:r>
          </a:p>
          <a:p>
            <a:pPr marL="514350" indent="-514350">
              <a:buFont typeface="+mj-lt"/>
              <a:buAutoNum type="arabicPeriod"/>
            </a:pPr>
            <a:r>
              <a:rPr lang="en-US" dirty="0"/>
              <a:t>Definitions of exposure and comparison conditions</a:t>
            </a:r>
          </a:p>
          <a:p>
            <a:pPr marL="514350" indent="-514350">
              <a:buFont typeface="+mj-lt"/>
              <a:buAutoNum type="arabicPeriod"/>
            </a:pPr>
            <a:r>
              <a:rPr lang="en-US" dirty="0"/>
              <a:t>Assignment mechanism</a:t>
            </a:r>
          </a:p>
          <a:p>
            <a:pPr marL="514350" indent="-514350">
              <a:buFont typeface="+mj-lt"/>
              <a:buAutoNum type="arabicPeriod"/>
            </a:pPr>
            <a:r>
              <a:rPr lang="en-US" dirty="0"/>
              <a:t>Baseline / time zero and follow-up</a:t>
            </a:r>
          </a:p>
          <a:p>
            <a:pPr marL="514350" indent="-514350">
              <a:buFont typeface="+mj-lt"/>
              <a:buAutoNum type="arabicPeriod"/>
            </a:pPr>
            <a:r>
              <a:rPr lang="en-US" dirty="0"/>
              <a:t>Outcomes</a:t>
            </a:r>
          </a:p>
          <a:p>
            <a:pPr marL="514350" indent="-514350">
              <a:buFont typeface="+mj-lt"/>
              <a:buAutoNum type="arabicPeriod"/>
            </a:pPr>
            <a:r>
              <a:rPr lang="en-US" dirty="0"/>
              <a:t>Causal estimand</a:t>
            </a:r>
          </a:p>
          <a:p>
            <a:pPr marL="514350" indent="-514350">
              <a:buFont typeface="+mj-lt"/>
              <a:buAutoNum type="arabicPeriod"/>
            </a:pPr>
            <a:r>
              <a:rPr lang="en-US" dirty="0"/>
              <a:t>Statistical analysis and assumptions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56DDC58-8793-B69C-7086-D957CF5A3A7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0</a:t>
            </a:fld>
            <a:endParaRPr lang="en-US" noProof="0"/>
          </a:p>
        </p:txBody>
      </p:sp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002BED97-F77A-6119-109B-4378E956FA9D}"/>
              </a:ext>
            </a:extLst>
          </p:cNvPr>
          <p:cNvSpPr/>
          <p:nvPr/>
        </p:nvSpPr>
        <p:spPr>
          <a:xfrm>
            <a:off x="9116658" y="3429000"/>
            <a:ext cx="1997810" cy="1876040"/>
          </a:xfrm>
          <a:custGeom>
            <a:avLst/>
            <a:gdLst>
              <a:gd name="connsiteX0" fmla="*/ 0 w 1997810"/>
              <a:gd name="connsiteY0" fmla="*/ 312680 h 1876040"/>
              <a:gd name="connsiteX1" fmla="*/ 312680 w 1997810"/>
              <a:gd name="connsiteY1" fmla="*/ 0 h 1876040"/>
              <a:gd name="connsiteX2" fmla="*/ 957732 w 1997810"/>
              <a:gd name="connsiteY2" fmla="*/ 0 h 1876040"/>
              <a:gd name="connsiteX3" fmla="*/ 1685130 w 1997810"/>
              <a:gd name="connsiteY3" fmla="*/ 0 h 1876040"/>
              <a:gd name="connsiteX4" fmla="*/ 1997810 w 1997810"/>
              <a:gd name="connsiteY4" fmla="*/ 312680 h 1876040"/>
              <a:gd name="connsiteX5" fmla="*/ 1997810 w 1997810"/>
              <a:gd name="connsiteY5" fmla="*/ 963034 h 1876040"/>
              <a:gd name="connsiteX6" fmla="*/ 1997810 w 1997810"/>
              <a:gd name="connsiteY6" fmla="*/ 1563360 h 1876040"/>
              <a:gd name="connsiteX7" fmla="*/ 1685130 w 1997810"/>
              <a:gd name="connsiteY7" fmla="*/ 1876040 h 1876040"/>
              <a:gd name="connsiteX8" fmla="*/ 1026354 w 1997810"/>
              <a:gd name="connsiteY8" fmla="*/ 1876040 h 1876040"/>
              <a:gd name="connsiteX9" fmla="*/ 312680 w 1997810"/>
              <a:gd name="connsiteY9" fmla="*/ 1876040 h 1876040"/>
              <a:gd name="connsiteX10" fmla="*/ 0 w 1997810"/>
              <a:gd name="connsiteY10" fmla="*/ 1563360 h 1876040"/>
              <a:gd name="connsiteX11" fmla="*/ 0 w 1997810"/>
              <a:gd name="connsiteY11" fmla="*/ 938020 h 1876040"/>
              <a:gd name="connsiteX12" fmla="*/ 0 w 1997810"/>
              <a:gd name="connsiteY12" fmla="*/ 312680 h 18760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997810" h="1876040" extrusionOk="0">
                <a:moveTo>
                  <a:pt x="0" y="312680"/>
                </a:moveTo>
                <a:cubicBezTo>
                  <a:pt x="-10057" y="148255"/>
                  <a:pt x="104895" y="21349"/>
                  <a:pt x="312680" y="0"/>
                </a:cubicBezTo>
                <a:cubicBezTo>
                  <a:pt x="480369" y="-6681"/>
                  <a:pt x="701014" y="91"/>
                  <a:pt x="957732" y="0"/>
                </a:cubicBezTo>
                <a:cubicBezTo>
                  <a:pt x="1214450" y="-91"/>
                  <a:pt x="1430546" y="-13000"/>
                  <a:pt x="1685130" y="0"/>
                </a:cubicBezTo>
                <a:cubicBezTo>
                  <a:pt x="1865457" y="-3521"/>
                  <a:pt x="2003169" y="125582"/>
                  <a:pt x="1997810" y="312680"/>
                </a:cubicBezTo>
                <a:cubicBezTo>
                  <a:pt x="1975057" y="489342"/>
                  <a:pt x="2020920" y="774628"/>
                  <a:pt x="1997810" y="963034"/>
                </a:cubicBezTo>
                <a:cubicBezTo>
                  <a:pt x="1974700" y="1151440"/>
                  <a:pt x="1974260" y="1395103"/>
                  <a:pt x="1997810" y="1563360"/>
                </a:cubicBezTo>
                <a:cubicBezTo>
                  <a:pt x="2010347" y="1774194"/>
                  <a:pt x="1857897" y="1860048"/>
                  <a:pt x="1685130" y="1876040"/>
                </a:cubicBezTo>
                <a:cubicBezTo>
                  <a:pt x="1379971" y="1878984"/>
                  <a:pt x="1225823" y="1878130"/>
                  <a:pt x="1026354" y="1876040"/>
                </a:cubicBezTo>
                <a:cubicBezTo>
                  <a:pt x="826885" y="1873950"/>
                  <a:pt x="469287" y="1844592"/>
                  <a:pt x="312680" y="1876040"/>
                </a:cubicBezTo>
                <a:cubicBezTo>
                  <a:pt x="124476" y="1912911"/>
                  <a:pt x="-25284" y="1729778"/>
                  <a:pt x="0" y="1563360"/>
                </a:cubicBezTo>
                <a:cubicBezTo>
                  <a:pt x="17590" y="1264969"/>
                  <a:pt x="-13429" y="1069708"/>
                  <a:pt x="0" y="938020"/>
                </a:cubicBezTo>
                <a:cubicBezTo>
                  <a:pt x="13429" y="806332"/>
                  <a:pt x="-8074" y="500859"/>
                  <a:pt x="0" y="312680"/>
                </a:cubicBezTo>
                <a:close/>
              </a:path>
            </a:pathLst>
          </a:custGeom>
          <a:noFill/>
          <a:ln w="57150">
            <a:solidFill>
              <a:schemeClr val="accent1"/>
            </a:solidFill>
            <a:extLst>
              <a:ext uri="{C807C97D-BFC1-408E-A445-0C87EB9F89A2}">
                <ask:lineSketchStyleProps xmlns:ask="http://schemas.microsoft.com/office/drawing/2018/sketchyshapes" sd="1362545417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400" dirty="0">
                <a:solidFill>
                  <a:schemeClr val="accent1"/>
                </a:solidFill>
                <a:latin typeface="Architects Daughter" pitchFamily="2" charset="0"/>
              </a:rPr>
              <a:t>This all happens </a:t>
            </a:r>
            <a:r>
              <a:rPr lang="en-US" sz="2400" b="1" dirty="0">
                <a:solidFill>
                  <a:schemeClr val="accent1"/>
                </a:solidFill>
                <a:latin typeface="Architects Daughter" pitchFamily="2" charset="0"/>
              </a:rPr>
              <a:t>before </a:t>
            </a:r>
            <a:r>
              <a:rPr lang="en-US" sz="2400" dirty="0">
                <a:solidFill>
                  <a:schemeClr val="accent1"/>
                </a:solidFill>
                <a:latin typeface="Architects Daughter" pitchFamily="2" charset="0"/>
              </a:rPr>
              <a:t>analysis!</a:t>
            </a:r>
          </a:p>
        </p:txBody>
      </p:sp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F6E8C3E3-3ACC-A9DC-6C96-3BC9B30DC104}"/>
              </a:ext>
            </a:extLst>
          </p:cNvPr>
          <p:cNvSpPr/>
          <p:nvPr/>
        </p:nvSpPr>
        <p:spPr>
          <a:xfrm>
            <a:off x="347731" y="1622460"/>
            <a:ext cx="8319154" cy="2949540"/>
          </a:xfrm>
          <a:custGeom>
            <a:avLst/>
            <a:gdLst>
              <a:gd name="connsiteX0" fmla="*/ 0 w 8319154"/>
              <a:gd name="connsiteY0" fmla="*/ 491600 h 2949540"/>
              <a:gd name="connsiteX1" fmla="*/ 491600 w 8319154"/>
              <a:gd name="connsiteY1" fmla="*/ 0 h 2949540"/>
              <a:gd name="connsiteX2" fmla="*/ 938426 w 8319154"/>
              <a:gd name="connsiteY2" fmla="*/ 0 h 2949540"/>
              <a:gd name="connsiteX3" fmla="*/ 1605331 w 8319154"/>
              <a:gd name="connsiteY3" fmla="*/ 0 h 2949540"/>
              <a:gd name="connsiteX4" fmla="*/ 2125517 w 8319154"/>
              <a:gd name="connsiteY4" fmla="*/ 0 h 2949540"/>
              <a:gd name="connsiteX5" fmla="*/ 2939141 w 8319154"/>
              <a:gd name="connsiteY5" fmla="*/ 0 h 2949540"/>
              <a:gd name="connsiteX6" fmla="*/ 3752765 w 8319154"/>
              <a:gd name="connsiteY6" fmla="*/ 0 h 2949540"/>
              <a:gd name="connsiteX7" fmla="*/ 4346310 w 8319154"/>
              <a:gd name="connsiteY7" fmla="*/ 0 h 2949540"/>
              <a:gd name="connsiteX8" fmla="*/ 4793137 w 8319154"/>
              <a:gd name="connsiteY8" fmla="*/ 0 h 2949540"/>
              <a:gd name="connsiteX9" fmla="*/ 5533401 w 8319154"/>
              <a:gd name="connsiteY9" fmla="*/ 0 h 2949540"/>
              <a:gd name="connsiteX10" fmla="*/ 6273666 w 8319154"/>
              <a:gd name="connsiteY10" fmla="*/ 0 h 2949540"/>
              <a:gd name="connsiteX11" fmla="*/ 7087290 w 8319154"/>
              <a:gd name="connsiteY11" fmla="*/ 0 h 2949540"/>
              <a:gd name="connsiteX12" fmla="*/ 7827554 w 8319154"/>
              <a:gd name="connsiteY12" fmla="*/ 0 h 2949540"/>
              <a:gd name="connsiteX13" fmla="*/ 8319154 w 8319154"/>
              <a:gd name="connsiteY13" fmla="*/ 491600 h 2949540"/>
              <a:gd name="connsiteX14" fmla="*/ 8319154 w 8319154"/>
              <a:gd name="connsiteY14" fmla="*/ 1186373 h 2949540"/>
              <a:gd name="connsiteX15" fmla="*/ 8319154 w 8319154"/>
              <a:gd name="connsiteY15" fmla="*/ 1861484 h 2949540"/>
              <a:gd name="connsiteX16" fmla="*/ 8319154 w 8319154"/>
              <a:gd name="connsiteY16" fmla="*/ 2457940 h 2949540"/>
              <a:gd name="connsiteX17" fmla="*/ 7827554 w 8319154"/>
              <a:gd name="connsiteY17" fmla="*/ 2949540 h 2949540"/>
              <a:gd name="connsiteX18" fmla="*/ 7307368 w 8319154"/>
              <a:gd name="connsiteY18" fmla="*/ 2949540 h 2949540"/>
              <a:gd name="connsiteX19" fmla="*/ 6567104 w 8319154"/>
              <a:gd name="connsiteY19" fmla="*/ 2949540 h 2949540"/>
              <a:gd name="connsiteX20" fmla="*/ 5973558 w 8319154"/>
              <a:gd name="connsiteY20" fmla="*/ 2949540 h 2949540"/>
              <a:gd name="connsiteX21" fmla="*/ 5453373 w 8319154"/>
              <a:gd name="connsiteY21" fmla="*/ 2949540 h 2949540"/>
              <a:gd name="connsiteX22" fmla="*/ 4859827 w 8319154"/>
              <a:gd name="connsiteY22" fmla="*/ 2949540 h 2949540"/>
              <a:gd name="connsiteX23" fmla="*/ 4119563 w 8319154"/>
              <a:gd name="connsiteY23" fmla="*/ 2949540 h 2949540"/>
              <a:gd name="connsiteX24" fmla="*/ 3526017 w 8319154"/>
              <a:gd name="connsiteY24" fmla="*/ 2949540 h 2949540"/>
              <a:gd name="connsiteX25" fmla="*/ 2859112 w 8319154"/>
              <a:gd name="connsiteY25" fmla="*/ 2949540 h 2949540"/>
              <a:gd name="connsiteX26" fmla="*/ 2045488 w 8319154"/>
              <a:gd name="connsiteY26" fmla="*/ 2949540 h 2949540"/>
              <a:gd name="connsiteX27" fmla="*/ 1525303 w 8319154"/>
              <a:gd name="connsiteY27" fmla="*/ 2949540 h 2949540"/>
              <a:gd name="connsiteX28" fmla="*/ 491600 w 8319154"/>
              <a:gd name="connsiteY28" fmla="*/ 2949540 h 2949540"/>
              <a:gd name="connsiteX29" fmla="*/ 0 w 8319154"/>
              <a:gd name="connsiteY29" fmla="*/ 2457940 h 2949540"/>
              <a:gd name="connsiteX30" fmla="*/ 0 w 8319154"/>
              <a:gd name="connsiteY30" fmla="*/ 1802493 h 2949540"/>
              <a:gd name="connsiteX31" fmla="*/ 0 w 8319154"/>
              <a:gd name="connsiteY31" fmla="*/ 1127383 h 2949540"/>
              <a:gd name="connsiteX32" fmla="*/ 0 w 8319154"/>
              <a:gd name="connsiteY32" fmla="*/ 491600 h 29495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8319154" h="2949540" extrusionOk="0">
                <a:moveTo>
                  <a:pt x="0" y="491600"/>
                </a:moveTo>
                <a:cubicBezTo>
                  <a:pt x="-50325" y="261442"/>
                  <a:pt x="167599" y="31934"/>
                  <a:pt x="491600" y="0"/>
                </a:cubicBezTo>
                <a:cubicBezTo>
                  <a:pt x="675756" y="9220"/>
                  <a:pt x="787974" y="5724"/>
                  <a:pt x="938426" y="0"/>
                </a:cubicBezTo>
                <a:cubicBezTo>
                  <a:pt x="1088878" y="-5724"/>
                  <a:pt x="1450947" y="-20605"/>
                  <a:pt x="1605331" y="0"/>
                </a:cubicBezTo>
                <a:cubicBezTo>
                  <a:pt x="1759715" y="20605"/>
                  <a:pt x="1991058" y="-22937"/>
                  <a:pt x="2125517" y="0"/>
                </a:cubicBezTo>
                <a:cubicBezTo>
                  <a:pt x="2259976" y="22937"/>
                  <a:pt x="2561047" y="19124"/>
                  <a:pt x="2939141" y="0"/>
                </a:cubicBezTo>
                <a:cubicBezTo>
                  <a:pt x="3317235" y="-19124"/>
                  <a:pt x="3517691" y="11595"/>
                  <a:pt x="3752765" y="0"/>
                </a:cubicBezTo>
                <a:cubicBezTo>
                  <a:pt x="3987839" y="-11595"/>
                  <a:pt x="4188905" y="-18760"/>
                  <a:pt x="4346310" y="0"/>
                </a:cubicBezTo>
                <a:cubicBezTo>
                  <a:pt x="4503716" y="18760"/>
                  <a:pt x="4696468" y="16472"/>
                  <a:pt x="4793137" y="0"/>
                </a:cubicBezTo>
                <a:cubicBezTo>
                  <a:pt x="4889806" y="-16472"/>
                  <a:pt x="5172749" y="-24162"/>
                  <a:pt x="5533401" y="0"/>
                </a:cubicBezTo>
                <a:cubicBezTo>
                  <a:pt x="5894053" y="24162"/>
                  <a:pt x="6087414" y="6130"/>
                  <a:pt x="6273666" y="0"/>
                </a:cubicBezTo>
                <a:cubicBezTo>
                  <a:pt x="6459918" y="-6130"/>
                  <a:pt x="6805927" y="5884"/>
                  <a:pt x="7087290" y="0"/>
                </a:cubicBezTo>
                <a:cubicBezTo>
                  <a:pt x="7368653" y="-5884"/>
                  <a:pt x="7661796" y="18403"/>
                  <a:pt x="7827554" y="0"/>
                </a:cubicBezTo>
                <a:cubicBezTo>
                  <a:pt x="8120789" y="9056"/>
                  <a:pt x="8314615" y="211516"/>
                  <a:pt x="8319154" y="491600"/>
                </a:cubicBezTo>
                <a:cubicBezTo>
                  <a:pt x="8334961" y="661428"/>
                  <a:pt x="8292992" y="940204"/>
                  <a:pt x="8319154" y="1186373"/>
                </a:cubicBezTo>
                <a:cubicBezTo>
                  <a:pt x="8345316" y="1432542"/>
                  <a:pt x="8316554" y="1691800"/>
                  <a:pt x="8319154" y="1861484"/>
                </a:cubicBezTo>
                <a:cubicBezTo>
                  <a:pt x="8321754" y="2031168"/>
                  <a:pt x="8348185" y="2229537"/>
                  <a:pt x="8319154" y="2457940"/>
                </a:cubicBezTo>
                <a:cubicBezTo>
                  <a:pt x="8356088" y="2738246"/>
                  <a:pt x="8139607" y="2940898"/>
                  <a:pt x="7827554" y="2949540"/>
                </a:cubicBezTo>
                <a:cubicBezTo>
                  <a:pt x="7651723" y="2927406"/>
                  <a:pt x="7415063" y="2964476"/>
                  <a:pt x="7307368" y="2949540"/>
                </a:cubicBezTo>
                <a:cubicBezTo>
                  <a:pt x="7199673" y="2934604"/>
                  <a:pt x="6927139" y="2978803"/>
                  <a:pt x="6567104" y="2949540"/>
                </a:cubicBezTo>
                <a:cubicBezTo>
                  <a:pt x="6207069" y="2920277"/>
                  <a:pt x="6108398" y="2973897"/>
                  <a:pt x="5973558" y="2949540"/>
                </a:cubicBezTo>
                <a:cubicBezTo>
                  <a:pt x="5838718" y="2925183"/>
                  <a:pt x="5625623" y="2931589"/>
                  <a:pt x="5453373" y="2949540"/>
                </a:cubicBezTo>
                <a:cubicBezTo>
                  <a:pt x="5281124" y="2967491"/>
                  <a:pt x="5008089" y="2925317"/>
                  <a:pt x="4859827" y="2949540"/>
                </a:cubicBezTo>
                <a:cubicBezTo>
                  <a:pt x="4711565" y="2973763"/>
                  <a:pt x="4335545" y="2951241"/>
                  <a:pt x="4119563" y="2949540"/>
                </a:cubicBezTo>
                <a:cubicBezTo>
                  <a:pt x="3903581" y="2947839"/>
                  <a:pt x="3768293" y="2952664"/>
                  <a:pt x="3526017" y="2949540"/>
                </a:cubicBezTo>
                <a:cubicBezTo>
                  <a:pt x="3283741" y="2946416"/>
                  <a:pt x="3020677" y="2943253"/>
                  <a:pt x="2859112" y="2949540"/>
                </a:cubicBezTo>
                <a:cubicBezTo>
                  <a:pt x="2697548" y="2955827"/>
                  <a:pt x="2441271" y="2928328"/>
                  <a:pt x="2045488" y="2949540"/>
                </a:cubicBezTo>
                <a:cubicBezTo>
                  <a:pt x="1649705" y="2970752"/>
                  <a:pt x="1777639" y="2929637"/>
                  <a:pt x="1525303" y="2949540"/>
                </a:cubicBezTo>
                <a:cubicBezTo>
                  <a:pt x="1272968" y="2969443"/>
                  <a:pt x="723311" y="2948908"/>
                  <a:pt x="491600" y="2949540"/>
                </a:cubicBezTo>
                <a:cubicBezTo>
                  <a:pt x="165292" y="2918331"/>
                  <a:pt x="9693" y="2731525"/>
                  <a:pt x="0" y="2457940"/>
                </a:cubicBezTo>
                <a:cubicBezTo>
                  <a:pt x="-26753" y="2157023"/>
                  <a:pt x="9210" y="2059891"/>
                  <a:pt x="0" y="1802493"/>
                </a:cubicBezTo>
                <a:cubicBezTo>
                  <a:pt x="-9210" y="1545095"/>
                  <a:pt x="-28362" y="1347924"/>
                  <a:pt x="0" y="1127383"/>
                </a:cubicBezTo>
                <a:cubicBezTo>
                  <a:pt x="28362" y="906842"/>
                  <a:pt x="-16676" y="666200"/>
                  <a:pt x="0" y="491600"/>
                </a:cubicBezTo>
                <a:close/>
              </a:path>
            </a:pathLst>
          </a:custGeom>
          <a:noFill/>
          <a:ln w="57150">
            <a:solidFill>
              <a:schemeClr val="accent1"/>
            </a:solidFill>
            <a:extLst>
              <a:ext uri="{C807C97D-BFC1-408E-A445-0C87EB9F89A2}">
                <ask:lineSketchStyleProps xmlns:ask="http://schemas.microsoft.com/office/drawing/2018/sketchyshapes" sd="1362545417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>
              <a:solidFill>
                <a:schemeClr val="accent1"/>
              </a:solidFill>
              <a:latin typeface="Architects Daughter" pitchFamily="2" charset="0"/>
            </a:endParaRPr>
          </a:p>
        </p:txBody>
      </p:sp>
      <p:cxnSp>
        <p:nvCxnSpPr>
          <p:cNvPr id="7" name="Curved Connector 6">
            <a:extLst>
              <a:ext uri="{FF2B5EF4-FFF2-40B4-BE49-F238E27FC236}">
                <a16:creationId xmlns:a16="http://schemas.microsoft.com/office/drawing/2014/main" id="{73ABBBAB-9CA4-BEA2-C888-B4B4D1B8F840}"/>
              </a:ext>
            </a:extLst>
          </p:cNvPr>
          <p:cNvCxnSpPr>
            <a:cxnSpLocks/>
            <a:stCxn id="5" idx="1"/>
            <a:endCxn id="6" idx="3"/>
          </p:cNvCxnSpPr>
          <p:nvPr/>
        </p:nvCxnSpPr>
        <p:spPr>
          <a:xfrm rot="10800000">
            <a:off x="8666886" y="3097230"/>
            <a:ext cx="449773" cy="1269790"/>
          </a:xfrm>
          <a:prstGeom prst="curvedConnector3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9193788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05DD4DF6-9717-6474-6A72-A6923F7803D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1. Units &amp; Eligibility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ABA5539-7321-3FFD-7C4F-B37D528FF29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ho are we studying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0BEE9B-ABDF-00D9-D8DC-ACAC70EAA47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1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39603008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CBEFF12-D758-59A4-BCC4-CF9FD1A8B7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its and Eligibility Criteri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CBEA099-B3FA-9B28-8379-BBD7C9115405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/>
          </a:bodyPr>
          <a:lstStyle/>
          <a:p>
            <a:r>
              <a:rPr lang="en-US" dirty="0"/>
              <a:t>Policy evaluations must consider</a:t>
            </a:r>
          </a:p>
          <a:p>
            <a:pPr marL="914400" lvl="1" indent="-457200">
              <a:buFont typeface="+mj-lt"/>
              <a:buAutoNum type="arabicPeriod"/>
            </a:pPr>
            <a:r>
              <a:rPr lang="en-US" dirty="0"/>
              <a:t>“Policy-level” units that could implement the policy or comparison condition</a:t>
            </a:r>
          </a:p>
          <a:p>
            <a:pPr marL="914400" lvl="1" indent="-457200">
              <a:buFont typeface="+mj-lt"/>
              <a:buAutoNum type="arabicPeriod"/>
            </a:pPr>
            <a:r>
              <a:rPr lang="en-US" dirty="0"/>
              <a:t>“Impact-level” units that the policy is designed to affect and on which outcomes are measured.</a:t>
            </a:r>
          </a:p>
          <a:p>
            <a:pPr marL="914400" lvl="1" indent="-457200">
              <a:buFont typeface="+mj-lt"/>
              <a:buAutoNum type="arabicPeriod"/>
            </a:pPr>
            <a:endParaRPr lang="en-US" dirty="0"/>
          </a:p>
          <a:p>
            <a:pPr marL="0" indent="0">
              <a:buNone/>
            </a:pPr>
            <a:r>
              <a:rPr lang="en-US" dirty="0"/>
              <a:t>If policy- and impact-level units are different, policy evaluations would emulate </a:t>
            </a:r>
            <a:r>
              <a:rPr lang="en-US" i="1" dirty="0"/>
              <a:t>cluster-randomized</a:t>
            </a:r>
            <a:r>
              <a:rPr lang="en-US" dirty="0"/>
              <a:t> trials.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2795D9A7-236C-1E3A-54D8-ECF18B77E2AB}"/>
              </a:ext>
            </a:extLst>
          </p:cNvPr>
          <p:cNvGrpSpPr/>
          <p:nvPr/>
        </p:nvGrpSpPr>
        <p:grpSpPr>
          <a:xfrm>
            <a:off x="7180554" y="2286482"/>
            <a:ext cx="4294891" cy="1325564"/>
            <a:chOff x="7465671" y="1825626"/>
            <a:chExt cx="3472405" cy="1325564"/>
          </a:xfrm>
        </p:grpSpPr>
        <p:sp>
          <p:nvSpPr>
            <p:cNvPr id="8" name="Rounded Rectangle 7">
              <a:extLst>
                <a:ext uri="{FF2B5EF4-FFF2-40B4-BE49-F238E27FC236}">
                  <a16:creationId xmlns:a16="http://schemas.microsoft.com/office/drawing/2014/main" id="{B3A6D9C2-4146-B13D-D214-BA7A379DFE52}"/>
                </a:ext>
              </a:extLst>
            </p:cNvPr>
            <p:cNvSpPr/>
            <p:nvPr/>
          </p:nvSpPr>
          <p:spPr>
            <a:xfrm>
              <a:off x="7465671" y="1825626"/>
              <a:ext cx="3472405" cy="1325564"/>
            </a:xfrm>
            <a:prstGeom prst="roundRect">
              <a:avLst/>
            </a:prstGeom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>
                <a:latin typeface="DM Sans 14pt" pitchFamily="2" charset="77"/>
              </a:endParaRPr>
            </a:p>
            <a:p>
              <a:pPr algn="ctr"/>
              <a:endParaRPr lang="en-US" dirty="0">
                <a:latin typeface="DM Sans 14pt" pitchFamily="2" charset="77"/>
              </a:endParaRPr>
            </a:p>
          </p:txBody>
        </p:sp>
        <p:pic>
          <p:nvPicPr>
            <p:cNvPr id="12" name="Graphic 11" descr="Court with solid fill">
              <a:extLst>
                <a:ext uri="{FF2B5EF4-FFF2-40B4-BE49-F238E27FC236}">
                  <a16:creationId xmlns:a16="http://schemas.microsoft.com/office/drawing/2014/main" id="{44A78C82-A6E3-A3F6-9AD5-57C917D418FC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8868820" y="1949772"/>
              <a:ext cx="666106" cy="666106"/>
            </a:xfrm>
            <a:prstGeom prst="rect">
              <a:avLst/>
            </a:prstGeom>
          </p:spPr>
        </p:pic>
      </p:grpSp>
      <p:grpSp>
        <p:nvGrpSpPr>
          <p:cNvPr id="22" name="Group 21">
            <a:extLst>
              <a:ext uri="{FF2B5EF4-FFF2-40B4-BE49-F238E27FC236}">
                <a16:creationId xmlns:a16="http://schemas.microsoft.com/office/drawing/2014/main" id="{2414C0FE-6C0D-1BA0-D2CC-AC9F7B6F7730}"/>
              </a:ext>
            </a:extLst>
          </p:cNvPr>
          <p:cNvGrpSpPr/>
          <p:nvPr/>
        </p:nvGrpSpPr>
        <p:grpSpPr>
          <a:xfrm>
            <a:off x="7164729" y="3709180"/>
            <a:ext cx="1403149" cy="1325564"/>
            <a:chOff x="7465671" y="3570284"/>
            <a:chExt cx="1403149" cy="1325564"/>
          </a:xfrm>
        </p:grpSpPr>
        <p:sp>
          <p:nvSpPr>
            <p:cNvPr id="15" name="Rounded Rectangle 14">
              <a:extLst>
                <a:ext uri="{FF2B5EF4-FFF2-40B4-BE49-F238E27FC236}">
                  <a16:creationId xmlns:a16="http://schemas.microsoft.com/office/drawing/2014/main" id="{756B5BDD-2B66-AB09-1315-B069E9D81060}"/>
                </a:ext>
              </a:extLst>
            </p:cNvPr>
            <p:cNvSpPr/>
            <p:nvPr/>
          </p:nvSpPr>
          <p:spPr>
            <a:xfrm>
              <a:off x="7465671" y="3570284"/>
              <a:ext cx="1403149" cy="1325564"/>
            </a:xfrm>
            <a:prstGeom prst="roundRect">
              <a:avLst/>
            </a:prstGeom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>
                <a:latin typeface="DM Sans 14pt" pitchFamily="2" charset="77"/>
              </a:endParaRPr>
            </a:p>
            <a:p>
              <a:pPr algn="ctr"/>
              <a:endParaRPr lang="en-US" dirty="0">
                <a:latin typeface="DM Sans 14pt" pitchFamily="2" charset="77"/>
              </a:endParaRPr>
            </a:p>
            <a:p>
              <a:pPr algn="ctr"/>
              <a:r>
                <a:rPr lang="en-US" dirty="0">
                  <a:latin typeface="DM Sans 14pt" pitchFamily="2" charset="77"/>
                </a:rPr>
                <a:t>Impact-Level Unit</a:t>
              </a:r>
            </a:p>
          </p:txBody>
        </p:sp>
        <p:pic>
          <p:nvPicPr>
            <p:cNvPr id="20" name="Graphic 19" descr="Man with solid fill">
              <a:extLst>
                <a:ext uri="{FF2B5EF4-FFF2-40B4-BE49-F238E27FC236}">
                  <a16:creationId xmlns:a16="http://schemas.microsoft.com/office/drawing/2014/main" id="{85954D2C-3408-59E8-204A-A40AD26FDF1A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7868395" y="3635366"/>
              <a:ext cx="597700" cy="597700"/>
            </a:xfrm>
            <a:prstGeom prst="rect">
              <a:avLst/>
            </a:prstGeom>
          </p:spPr>
        </p:pic>
      </p:grpSp>
      <p:sp>
        <p:nvSpPr>
          <p:cNvPr id="24" name="Rounded Rectangle 23">
            <a:extLst>
              <a:ext uri="{FF2B5EF4-FFF2-40B4-BE49-F238E27FC236}">
                <a16:creationId xmlns:a16="http://schemas.microsoft.com/office/drawing/2014/main" id="{D535BD40-B6C7-400C-C5B5-367F5323D9DC}"/>
              </a:ext>
            </a:extLst>
          </p:cNvPr>
          <p:cNvSpPr/>
          <p:nvPr/>
        </p:nvSpPr>
        <p:spPr>
          <a:xfrm>
            <a:off x="8610600" y="3709180"/>
            <a:ext cx="1403149" cy="1325564"/>
          </a:xfrm>
          <a:prstGeom prst="roundRect">
            <a:avLst/>
          </a:prstGeom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DM Sans 14pt" pitchFamily="2" charset="77"/>
            </a:endParaRPr>
          </a:p>
          <a:p>
            <a:pPr algn="ctr"/>
            <a:endParaRPr lang="en-US" dirty="0">
              <a:latin typeface="DM Sans 14pt" pitchFamily="2" charset="77"/>
            </a:endParaRPr>
          </a:p>
          <a:p>
            <a:pPr algn="ctr"/>
            <a:r>
              <a:rPr lang="en-US" dirty="0">
                <a:latin typeface="DM Sans 14pt" pitchFamily="2" charset="77"/>
              </a:rPr>
              <a:t>Impact-Level Unit</a:t>
            </a:r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765E16B0-A170-D07D-01D3-3CCE6813C2FF}"/>
              </a:ext>
            </a:extLst>
          </p:cNvPr>
          <p:cNvGrpSpPr/>
          <p:nvPr/>
        </p:nvGrpSpPr>
        <p:grpSpPr>
          <a:xfrm>
            <a:off x="10056471" y="3709180"/>
            <a:ext cx="1403149" cy="1325564"/>
            <a:chOff x="7465671" y="3570284"/>
            <a:chExt cx="1403149" cy="1325564"/>
          </a:xfrm>
        </p:grpSpPr>
        <p:sp>
          <p:nvSpPr>
            <p:cNvPr id="27" name="Rounded Rectangle 26">
              <a:extLst>
                <a:ext uri="{FF2B5EF4-FFF2-40B4-BE49-F238E27FC236}">
                  <a16:creationId xmlns:a16="http://schemas.microsoft.com/office/drawing/2014/main" id="{7A0DD676-CF2E-84A3-6403-AB43FF9233D3}"/>
                </a:ext>
              </a:extLst>
            </p:cNvPr>
            <p:cNvSpPr/>
            <p:nvPr/>
          </p:nvSpPr>
          <p:spPr>
            <a:xfrm>
              <a:off x="7465671" y="3570284"/>
              <a:ext cx="1403149" cy="1325564"/>
            </a:xfrm>
            <a:prstGeom prst="roundRect">
              <a:avLst/>
            </a:prstGeom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>
                <a:latin typeface="DM Sans 14pt" pitchFamily="2" charset="77"/>
              </a:endParaRPr>
            </a:p>
            <a:p>
              <a:pPr algn="ctr"/>
              <a:endParaRPr lang="en-US" dirty="0">
                <a:latin typeface="DM Sans 14pt" pitchFamily="2" charset="77"/>
              </a:endParaRPr>
            </a:p>
            <a:p>
              <a:pPr algn="ctr"/>
              <a:r>
                <a:rPr lang="en-US" dirty="0">
                  <a:latin typeface="DM Sans 14pt" pitchFamily="2" charset="77"/>
                </a:rPr>
                <a:t>Impact-Level Unit</a:t>
              </a:r>
            </a:p>
          </p:txBody>
        </p:sp>
        <p:pic>
          <p:nvPicPr>
            <p:cNvPr id="28" name="Graphic 27" descr="Man with solid fill">
              <a:extLst>
                <a:ext uri="{FF2B5EF4-FFF2-40B4-BE49-F238E27FC236}">
                  <a16:creationId xmlns:a16="http://schemas.microsoft.com/office/drawing/2014/main" id="{62140770-E48D-D622-77E9-450D4F2CDEE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7868395" y="3635366"/>
              <a:ext cx="597700" cy="597700"/>
            </a:xfrm>
            <a:prstGeom prst="rect">
              <a:avLst/>
            </a:prstGeom>
          </p:spPr>
        </p:pic>
      </p:grpSp>
      <p:pic>
        <p:nvPicPr>
          <p:cNvPr id="30" name="Graphic 29" descr="Woman with solid fill">
            <a:extLst>
              <a:ext uri="{FF2B5EF4-FFF2-40B4-BE49-F238E27FC236}">
                <a16:creationId xmlns:a16="http://schemas.microsoft.com/office/drawing/2014/main" id="{89CFEA6D-3574-F5D8-3344-604BC0E906A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002254" y="3747366"/>
            <a:ext cx="651492" cy="651492"/>
          </a:xfrm>
          <a:prstGeom prst="rect">
            <a:avLst/>
          </a:prstGeom>
        </p:spPr>
      </p:pic>
      <p:sp>
        <p:nvSpPr>
          <p:cNvPr id="31" name="TextBox 30">
            <a:extLst>
              <a:ext uri="{FF2B5EF4-FFF2-40B4-BE49-F238E27FC236}">
                <a16:creationId xmlns:a16="http://schemas.microsoft.com/office/drawing/2014/main" id="{9B50BC3F-5159-3F2E-6C41-5F333694A9C4}"/>
              </a:ext>
            </a:extLst>
          </p:cNvPr>
          <p:cNvSpPr txBox="1"/>
          <p:nvPr/>
        </p:nvSpPr>
        <p:spPr>
          <a:xfrm>
            <a:off x="7164729" y="3148820"/>
            <a:ext cx="432893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  <a:latin typeface="DM Sans 14pt" pitchFamily="2" charset="77"/>
              </a:rPr>
              <a:t>Policy-Level Unit</a:t>
            </a:r>
          </a:p>
        </p:txBody>
      </p:sp>
    </p:spTree>
    <p:extLst>
      <p:ext uri="{BB962C8B-B14F-4D97-AF65-F5344CB8AC3E}">
        <p14:creationId xmlns:p14="http://schemas.microsoft.com/office/powerpoint/2010/main" val="110700039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4F31C90-45DF-3163-3D35-ED296078B53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21F744-635A-EF5A-5915-364BFD9087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its and Eligibility Criteri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A1C3A3-BB13-5706-438C-B59E83496680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/>
          </a:bodyPr>
          <a:lstStyle/>
          <a:p>
            <a:r>
              <a:rPr lang="en-US" dirty="0"/>
              <a:t>Policy evaluations must consider</a:t>
            </a:r>
          </a:p>
          <a:p>
            <a:pPr marL="914400" lvl="1" indent="-457200">
              <a:buFont typeface="+mj-lt"/>
              <a:buAutoNum type="arabicPeriod"/>
            </a:pPr>
            <a:r>
              <a:rPr lang="en-US" dirty="0"/>
              <a:t>“Policy-level” units that could implement the policy or comparison condition</a:t>
            </a:r>
          </a:p>
          <a:p>
            <a:pPr marL="914400" lvl="1" indent="-457200">
              <a:buFont typeface="+mj-lt"/>
              <a:buAutoNum type="arabicPeriod"/>
            </a:pPr>
            <a:r>
              <a:rPr lang="en-US" dirty="0"/>
              <a:t>“Impact-level” units that the policy is designed to affect and on which outcomes are measured.</a:t>
            </a:r>
          </a:p>
          <a:p>
            <a:pPr marL="914400" lvl="1" indent="-457200">
              <a:buFont typeface="+mj-lt"/>
              <a:buAutoNum type="arabicPeriod"/>
            </a:pPr>
            <a:endParaRPr lang="en-US" dirty="0"/>
          </a:p>
          <a:p>
            <a:pPr marL="0" indent="0">
              <a:buNone/>
            </a:pPr>
            <a:r>
              <a:rPr lang="en-US" dirty="0"/>
              <a:t>If policy- and impact-level units are different, policy evaluations would emulate </a:t>
            </a:r>
            <a:r>
              <a:rPr lang="en-US" i="1" dirty="0"/>
              <a:t>cluster-randomized</a:t>
            </a:r>
            <a:r>
              <a:rPr lang="en-US" dirty="0"/>
              <a:t> trials.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3F200F9A-AEE7-D861-079E-49770ABD2F62}"/>
              </a:ext>
            </a:extLst>
          </p:cNvPr>
          <p:cNvGrpSpPr/>
          <p:nvPr/>
        </p:nvGrpSpPr>
        <p:grpSpPr>
          <a:xfrm>
            <a:off x="7192128" y="2597903"/>
            <a:ext cx="4294891" cy="1662194"/>
            <a:chOff x="7465671" y="1657311"/>
            <a:chExt cx="3472405" cy="1662194"/>
          </a:xfrm>
        </p:grpSpPr>
        <p:sp>
          <p:nvSpPr>
            <p:cNvPr id="8" name="Rounded Rectangle 7">
              <a:extLst>
                <a:ext uri="{FF2B5EF4-FFF2-40B4-BE49-F238E27FC236}">
                  <a16:creationId xmlns:a16="http://schemas.microsoft.com/office/drawing/2014/main" id="{047ED8A7-6279-21BD-B29E-64484B877DB7}"/>
                </a:ext>
              </a:extLst>
            </p:cNvPr>
            <p:cNvSpPr/>
            <p:nvPr/>
          </p:nvSpPr>
          <p:spPr>
            <a:xfrm>
              <a:off x="7465671" y="1657311"/>
              <a:ext cx="3472405" cy="1662194"/>
            </a:xfrm>
            <a:prstGeom prst="roundRect">
              <a:avLst/>
            </a:prstGeom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  <a:p>
              <a:pPr algn="ctr"/>
              <a:endParaRPr lang="en-US" dirty="0"/>
            </a:p>
          </p:txBody>
        </p:sp>
        <p:pic>
          <p:nvPicPr>
            <p:cNvPr id="12" name="Graphic 11" descr="Court with solid fill">
              <a:extLst>
                <a:ext uri="{FF2B5EF4-FFF2-40B4-BE49-F238E27FC236}">
                  <a16:creationId xmlns:a16="http://schemas.microsoft.com/office/drawing/2014/main" id="{3F431346-A411-1496-30AB-964C6B9A8FA0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8868820" y="1851720"/>
              <a:ext cx="666106" cy="666106"/>
            </a:xfrm>
            <a:prstGeom prst="rect">
              <a:avLst/>
            </a:prstGeom>
          </p:spPr>
        </p:pic>
      </p:grpSp>
      <p:sp>
        <p:nvSpPr>
          <p:cNvPr id="31" name="TextBox 30">
            <a:extLst>
              <a:ext uri="{FF2B5EF4-FFF2-40B4-BE49-F238E27FC236}">
                <a16:creationId xmlns:a16="http://schemas.microsoft.com/office/drawing/2014/main" id="{C4534435-BEFC-35E1-D5C0-5B92B7AB9DC6}"/>
              </a:ext>
            </a:extLst>
          </p:cNvPr>
          <p:cNvSpPr txBox="1"/>
          <p:nvPr/>
        </p:nvSpPr>
        <p:spPr>
          <a:xfrm>
            <a:off x="7203703" y="3532849"/>
            <a:ext cx="427413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  <a:latin typeface="DM Sans 14pt" pitchFamily="2" charset="77"/>
              </a:rPr>
              <a:t>Policy-Level Unit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8A47B46-9E82-E5E4-0BF1-C0828F841A47}"/>
              </a:ext>
            </a:extLst>
          </p:cNvPr>
          <p:cNvSpPr txBox="1"/>
          <p:nvPr/>
        </p:nvSpPr>
        <p:spPr>
          <a:xfrm>
            <a:off x="7203703" y="3786941"/>
            <a:ext cx="427413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  <a:latin typeface="DM Sans 14pt" pitchFamily="2" charset="77"/>
              </a:rPr>
              <a:t>Impact-Level Unit</a:t>
            </a:r>
          </a:p>
        </p:txBody>
      </p:sp>
    </p:spTree>
    <p:extLst>
      <p:ext uri="{BB962C8B-B14F-4D97-AF65-F5344CB8AC3E}">
        <p14:creationId xmlns:p14="http://schemas.microsoft.com/office/powerpoint/2010/main" val="144463066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D37AB8-F9AE-6903-B0BE-DACD5FC6C8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olicy-Level Uni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4D634E3-0766-87E9-FFC7-EE542EB6BC9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b="1" dirty="0"/>
              <a:t>Hypothetical Policy Trial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U</a:t>
            </a:r>
            <a:r>
              <a:rPr lang="en-US" sz="2000" dirty="0"/>
              <a:t>nits that </a:t>
            </a:r>
            <a:r>
              <a:rPr lang="en-US" sz="2000" i="1" u="sng" dirty="0"/>
              <a:t>could</a:t>
            </a:r>
            <a:r>
              <a:rPr lang="en-US" sz="2000" i="1" dirty="0"/>
              <a:t> </a:t>
            </a:r>
            <a:r>
              <a:rPr lang="en-US" sz="2000" dirty="0"/>
              <a:t>implement the policy (states, organizations, etc.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M</a:t>
            </a:r>
            <a:r>
              <a:rPr lang="en-US" sz="2000" dirty="0"/>
              <a:t>onitored longitudinall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b="1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Eligibility criteria </a:t>
            </a:r>
            <a:r>
              <a:rPr lang="en-US" i="1" u="sng" dirty="0"/>
              <a:t>would</a:t>
            </a:r>
            <a:r>
              <a:rPr lang="en-US" dirty="0"/>
              <a:t> be based only on pre-policy information:</a:t>
            </a:r>
          </a:p>
          <a:p>
            <a:pPr marL="628650" lvl="1" indent="-342900"/>
            <a:r>
              <a:rPr lang="en-US" dirty="0"/>
              <a:t>“has not implemented the policy before” or more complex (e.g., “has not previously implemented policies X, Y, Z”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b="1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58C4E9-1D0C-C5C2-B801-8589F72A52BE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b="1" dirty="0"/>
              <a:t>Policy Trial Emula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Units that </a:t>
            </a:r>
            <a:r>
              <a:rPr lang="en-US" i="1" u="sng" dirty="0"/>
              <a:t>did</a:t>
            </a:r>
            <a:r>
              <a:rPr lang="en-US" i="1" dirty="0"/>
              <a:t> </a:t>
            </a:r>
            <a:r>
              <a:rPr lang="en-US" dirty="0"/>
              <a:t>implement the policy or </a:t>
            </a:r>
            <a:r>
              <a:rPr lang="en-US" i="1" u="sng" dirty="0"/>
              <a:t>did</a:t>
            </a:r>
            <a:r>
              <a:rPr lang="en-US" i="1" dirty="0"/>
              <a:t> </a:t>
            </a:r>
            <a:r>
              <a:rPr lang="en-US" dirty="0"/>
              <a:t>implement the comparison condi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Monitored longitudinall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Eligibility criteria </a:t>
            </a:r>
            <a:r>
              <a:rPr lang="en-US" i="1" u="sng" dirty="0"/>
              <a:t>should</a:t>
            </a:r>
            <a:r>
              <a:rPr lang="en-US" dirty="0"/>
              <a:t> be based only on pre-policy information:</a:t>
            </a:r>
          </a:p>
          <a:p>
            <a:pPr marL="628650" lvl="1" indent="-342900"/>
            <a:r>
              <a:rPr lang="en-US" dirty="0"/>
              <a:t>“has not implemented the policy before” or more complex (e.g., “has not previously implemented policies X, Y, Z”)</a:t>
            </a:r>
          </a:p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EDFA2F6-066C-2E4F-A335-D7753FEFF1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BBD4ED5-DB7E-AD42-80BA-64D09815C94E}" type="slidenum">
              <a:rPr lang="en-US" smtClean="0"/>
              <a:t>1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01943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uiExpand="1" build="p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30F77BB-5C53-AC51-5D30-BC1F399F8FD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2170378-93E5-FAC9-D8CA-5BAAB4F9CF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mpact-Level Uni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2C74A4C-B54E-9AEA-3F64-C9B579978AF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6501384" cy="4351338"/>
          </a:xfrm>
        </p:spPr>
        <p:txBody>
          <a:bodyPr/>
          <a:lstStyle/>
          <a:p>
            <a:r>
              <a:rPr lang="en-US" b="1" dirty="0"/>
              <a:t>Hypothetical Policy Trial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Units that the policy is designed to affect. </a:t>
            </a:r>
          </a:p>
          <a:p>
            <a:pPr marL="628650" lvl="1" indent="-342900"/>
            <a:r>
              <a:rPr lang="en-US" dirty="0"/>
              <a:t>the policy-level units themselves, </a:t>
            </a:r>
            <a:r>
              <a:rPr lang="en-US" i="1" dirty="0"/>
              <a:t>or</a:t>
            </a:r>
          </a:p>
          <a:p>
            <a:pPr marL="628650" lvl="1" indent="-342900"/>
            <a:r>
              <a:rPr lang="en-US" dirty="0"/>
              <a:t>sub-units nested in policy-level units on which outcomes are measured, ideally from the population the policy is designed to affect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Eligibility based only on pre-policy information:</a:t>
            </a:r>
          </a:p>
          <a:p>
            <a:pPr marL="628650" lvl="1" indent="-342900"/>
            <a:r>
              <a:rPr lang="en-US" dirty="0"/>
              <a:t>“Lives in state X” for policies that apply to everyone</a:t>
            </a:r>
          </a:p>
          <a:p>
            <a:pPr marL="628650" lvl="1" indent="-342900"/>
            <a:r>
              <a:rPr lang="en-US" dirty="0"/>
              <a:t>“Lives in state X and was diagnosed with Y before the policy”, etc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Retention efforts if followed longitudinally</a:t>
            </a:r>
            <a:endParaRPr lang="en-US" b="1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38717BA9-3582-57E2-B9F4-526414DCBAF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7632192" y="1825625"/>
            <a:ext cx="3721608" cy="4351338"/>
          </a:xfrm>
        </p:spPr>
        <p:txBody>
          <a:bodyPr/>
          <a:lstStyle/>
          <a:p>
            <a:r>
              <a:rPr lang="en-US" b="1" dirty="0"/>
              <a:t>Policy Trial Emula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Same deal!</a:t>
            </a:r>
          </a:p>
          <a:p>
            <a:endParaRPr lang="en-US" i="1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4479471-6F99-9771-092C-2BF8BBF5F25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BBD4ED5-DB7E-AD42-80BA-64D09815C94E}" type="slidenum">
              <a:rPr lang="en-US" smtClean="0"/>
              <a:t>1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283224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uiExpand="1" build="p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F76B72F-62FE-3945-3312-EFB5D40C276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ample: Medical Cannabis Law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F287CB4-9750-805B-0E8D-3A9CCAC83442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Consider a study designed to understand the effects of state medical cannabis laws on opioid prescribing among individuals with chronic non-cancer pain.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B587950-5276-4E84-499A-ADB1D7CF119F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b="1" dirty="0"/>
              <a:t>Policy-level units:</a:t>
            </a:r>
            <a:endParaRPr lang="en-US" dirty="0"/>
          </a:p>
          <a:p>
            <a:pPr lvl="1"/>
            <a:r>
              <a:rPr lang="en-US" dirty="0"/>
              <a:t>States that did or did not implement a medical cannabis law, 2014-2019</a:t>
            </a:r>
          </a:p>
          <a:p>
            <a:pPr marL="0" lvl="1" indent="0">
              <a:buNone/>
            </a:pPr>
            <a:r>
              <a:rPr lang="en-US" b="1" dirty="0"/>
              <a:t>Impact-level units:</a:t>
            </a:r>
          </a:p>
          <a:p>
            <a:pPr lvl="1"/>
            <a:r>
              <a:rPr lang="en-US" dirty="0"/>
              <a:t>Individuals living in a policy-level unit with a chronic non-cancer pain diagnosis in the 3 years prior to “time zero”</a:t>
            </a:r>
          </a:p>
          <a:p>
            <a:pPr lvl="1"/>
            <a:endParaRPr lang="en-US" b="1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996AADB-588D-15EC-7C17-F9F5F2C62A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BBD4ED5-DB7E-AD42-80BA-64D09815C94E}" type="slidenum">
              <a:rPr lang="en-US" smtClean="0"/>
              <a:t>16</a:t>
            </a:fld>
            <a:endParaRPr lang="en-US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FEAAF7A-15F2-710D-85B6-8B2C573EF67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109569" y="4614169"/>
            <a:ext cx="7820462" cy="1699545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EBB81421-1313-58C3-FE0E-4E05CAA49994}"/>
              </a:ext>
            </a:extLst>
          </p:cNvPr>
          <p:cNvSpPr txBox="1"/>
          <p:nvPr/>
        </p:nvSpPr>
        <p:spPr>
          <a:xfrm>
            <a:off x="4273626" y="6392568"/>
            <a:ext cx="349234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dirty="0" err="1">
                <a:solidFill>
                  <a:schemeClr val="accent1"/>
                </a:solidFill>
                <a:latin typeface="DM Mono" panose="020B0509040201040103" pitchFamily="49" charset="77"/>
              </a:rPr>
              <a:t>doi.org</a:t>
            </a:r>
            <a:r>
              <a:rPr lang="en-US" dirty="0">
                <a:solidFill>
                  <a:schemeClr val="accent1"/>
                </a:solidFill>
                <a:latin typeface="DM Mono" panose="020B0509040201040103" pitchFamily="49" charset="77"/>
              </a:rPr>
              <a:t>/</a:t>
            </a:r>
            <a:r>
              <a:rPr lang="en-US" dirty="0" err="1">
                <a:solidFill>
                  <a:schemeClr val="accent1"/>
                </a:solidFill>
                <a:latin typeface="DM Mono" panose="020B0509040201040103" pitchFamily="49" charset="77"/>
              </a:rPr>
              <a:t>khxp</a:t>
            </a:r>
            <a:endParaRPr lang="en-US" dirty="0">
              <a:solidFill>
                <a:schemeClr val="accent1"/>
              </a:solidFill>
              <a:latin typeface="DM Mono" panose="020B0509040201040103" pitchFamily="49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390642179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97E132-F929-544C-8FBC-1A85BFA13A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vailable Data Affects Emulation Quality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652DE0AD-7FCF-4078-ABE2-770BDD01D4F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“Group panel” data aggregated to policy level is common</a:t>
                </a:r>
              </a:p>
              <a:p>
                <a:pPr marL="628650" lvl="1" indent="-342900"/>
                <a:r>
                  <a:rPr lang="en-US" dirty="0"/>
                  <a:t>Might not be possible to restrict to target population (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→</m:t>
                    </m:r>
                  </m:oMath>
                </a14:m>
                <a:r>
                  <a:rPr lang="en-US" dirty="0"/>
                  <a:t> </a:t>
                </a:r>
                <a:r>
                  <a:rPr lang="en-US" u="sng" dirty="0"/>
                  <a:t>weaker</a:t>
                </a:r>
                <a:r>
                  <a:rPr lang="en-US" dirty="0"/>
                  <a:t> study)</a:t>
                </a:r>
              </a:p>
              <a:p>
                <a:pPr marL="628650" lvl="1" indent="-342900"/>
                <a:r>
                  <a:rPr lang="en-US" dirty="0"/>
                  <a:t>Okay if aggregated from target population (e.g., all individuals with SMI) or if target population is very general</a:t>
                </a:r>
              </a:p>
              <a:p>
                <a:pPr lvl="1" indent="0">
                  <a:buNone/>
                </a:pPr>
                <a:endParaRPr lang="en-US" dirty="0"/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Impact-level data enables additional eligibility criteria</a:t>
                </a:r>
              </a:p>
              <a:p>
                <a:pPr marL="628650" lvl="1" indent="-342900"/>
                <a:r>
                  <a:rPr lang="en-US" dirty="0"/>
                  <a:t>Can restrict to target population (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→</m:t>
                    </m:r>
                  </m:oMath>
                </a14:m>
                <a:r>
                  <a:rPr lang="en-US" dirty="0"/>
                  <a:t> </a:t>
                </a:r>
                <a:r>
                  <a:rPr lang="en-US" u="sng" dirty="0"/>
                  <a:t>stronger</a:t>
                </a:r>
                <a:r>
                  <a:rPr lang="en-US" dirty="0"/>
                  <a:t> study)</a:t>
                </a:r>
              </a:p>
              <a:p>
                <a:pPr marL="628650" lvl="1" indent="-342900"/>
                <a:r>
                  <a:rPr lang="en-US" dirty="0"/>
                  <a:t>(Probably) doesn’t improve efficiency for continuous outcomes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652DE0AD-7FCF-4078-ABE2-770BDD01D4F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651" t="-2000" r="-94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55047794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FBE1F44-0017-B8D4-92F3-18453BAB129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ongitudinal Follow-Up of Impact-Level Uni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F6CD682-CAE7-25F5-AA70-86E896BCFE3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1915296"/>
            <a:ext cx="10752000" cy="4222701"/>
          </a:xfrm>
        </p:spPr>
        <p:txBody>
          <a:bodyPr/>
          <a:lstStyle/>
          <a:p>
            <a:r>
              <a:rPr lang="en-US" dirty="0"/>
              <a:t>In policy trial emulation, following impact-level units longitudinally vs. in repeated cross-sections changes the </a:t>
            </a:r>
            <a:r>
              <a:rPr lang="en-US" i="1" dirty="0"/>
              <a:t>sampling frame</a:t>
            </a:r>
            <a:r>
              <a:rPr lang="en-US" dirty="0"/>
              <a:t>.</a:t>
            </a:r>
          </a:p>
          <a:p>
            <a:r>
              <a:rPr lang="en-US" dirty="0"/>
              <a:t>“Continuous presence” requirement can mimic high-quality retention efforts in an RCT</a:t>
            </a:r>
          </a:p>
          <a:p>
            <a:pPr lvl="1"/>
            <a:r>
              <a:rPr lang="en-US" dirty="0"/>
              <a:t>Maybe inappropriate if exposure affects probability of continuous presence</a:t>
            </a:r>
          </a:p>
          <a:p>
            <a:pPr lvl="1"/>
            <a:r>
              <a:rPr lang="en-US" dirty="0"/>
              <a:t>Not requiring this probably leads to missing service use and allows patient case-mix to change over time</a:t>
            </a:r>
          </a:p>
          <a:p>
            <a:pPr lvl="2"/>
            <a:r>
              <a:rPr lang="en-US" dirty="0"/>
              <a:t>Threatens internal validity but improves external validity (weighting can help!)</a:t>
            </a:r>
          </a:p>
          <a:p>
            <a:pPr lvl="1"/>
            <a:r>
              <a:rPr lang="en-US" dirty="0"/>
              <a:t>Impacts generalizability</a:t>
            </a:r>
          </a:p>
        </p:txBody>
      </p:sp>
    </p:spTree>
    <p:extLst>
      <p:ext uri="{BB962C8B-B14F-4D97-AF65-F5344CB8AC3E}">
        <p14:creationId xmlns:p14="http://schemas.microsoft.com/office/powerpoint/2010/main" val="232101425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30892492-4BC2-3B0F-424D-C4FC96FC54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2. Exposure &amp; Comparison Condition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D65A049-C72A-500A-2C88-F387F46EAD7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hat are we studying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BF81DDE-5982-CF72-24D1-C88170C207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9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4838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71CBDF01-8CDD-3147-6472-EABDED08D51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ome Framing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" name="Content Placeholder 10">
                <a:extLst>
                  <a:ext uri="{FF2B5EF4-FFF2-40B4-BE49-F238E27FC236}">
                    <a16:creationId xmlns:a16="http://schemas.microsoft.com/office/drawing/2014/main" id="{EF118706-EE19-DB81-30A4-665560BD358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dirty="0"/>
                  <a:t>In statistics, we’re often taught with statements that begin with</a:t>
                </a:r>
              </a:p>
              <a:p>
                <a:pPr algn="ctr"/>
                <a:r>
                  <a:rPr lang="en-US" sz="3200" i="1" dirty="0"/>
                  <a:t>“Given data </a:t>
                </a:r>
                <a14:m>
                  <m:oMath xmlns:m="http://schemas.openxmlformats.org/officeDocument/2006/math">
                    <m:r>
                      <a:rPr lang="en-US" sz="3200" b="0" i="1" smtClean="0">
                        <a:latin typeface="Cambria Math" panose="02040503050406030204" pitchFamily="18" charset="0"/>
                      </a:rPr>
                      <m:t>𝑋</m:t>
                    </m:r>
                  </m:oMath>
                </a14:m>
                <a:r>
                  <a:rPr lang="en-US" sz="3200" i="1" dirty="0"/>
                  <a:t>…”</a:t>
                </a:r>
              </a:p>
              <a:p>
                <a:endParaRPr lang="en-US" dirty="0"/>
              </a:p>
              <a:p>
                <a:r>
                  <a:rPr lang="en-US" dirty="0"/>
                  <a:t>But </a:t>
                </a:r>
                <a:r>
                  <a:rPr lang="en-US" i="1" dirty="0"/>
                  <a:t>getting</a:t>
                </a:r>
                <a:r>
                  <a:rPr lang="en-US" dirty="0"/>
                  <a:t> data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𝑋</m:t>
                    </m:r>
                  </m:oMath>
                </a14:m>
                <a:r>
                  <a:rPr lang="en-US" dirty="0"/>
                  <a:t> is often very hard!</a:t>
                </a:r>
              </a:p>
              <a:p>
                <a:r>
                  <a:rPr lang="en-US" dirty="0"/>
                  <a:t>The goal of this talk is to get you thinking very deeply about </a:t>
                </a:r>
                <a:r>
                  <a:rPr lang="en-US" b="1" dirty="0"/>
                  <a:t>design</a:t>
                </a:r>
                <a:r>
                  <a:rPr lang="en-US" dirty="0"/>
                  <a:t>.</a:t>
                </a:r>
              </a:p>
            </p:txBody>
          </p:sp>
        </mc:Choice>
        <mc:Fallback xmlns="">
          <p:sp>
            <p:nvSpPr>
              <p:cNvPr id="11" name="Content Placeholder 10">
                <a:extLst>
                  <a:ext uri="{FF2B5EF4-FFF2-40B4-BE49-F238E27FC236}">
                    <a16:creationId xmlns:a16="http://schemas.microsoft.com/office/drawing/2014/main" id="{EF118706-EE19-DB81-30A4-665560BD358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769" t="-200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" name="Content Placeholder 10">
            <a:extLst>
              <a:ext uri="{FF2B5EF4-FFF2-40B4-BE49-F238E27FC236}">
                <a16:creationId xmlns:a16="http://schemas.microsoft.com/office/drawing/2014/main" id="{114C1490-ED49-A13F-38AE-035D6EBEEFC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5747E4B2-69BB-224F-CE54-FCFB965C7BEE}"/>
              </a:ext>
            </a:extLst>
          </p:cNvPr>
          <p:cNvSpPr txBox="1"/>
          <p:nvPr/>
        </p:nvSpPr>
        <p:spPr>
          <a:xfrm>
            <a:off x="9577704" y="127913"/>
            <a:ext cx="9258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1"/>
                </a:solidFill>
                <a:latin typeface="Architects Daughter" pitchFamily="2" charset="0"/>
              </a:rPr>
              <a:t>Scan for slides</a:t>
            </a:r>
          </a:p>
        </p:txBody>
      </p:sp>
      <p:cxnSp>
        <p:nvCxnSpPr>
          <p:cNvPr id="4" name="Curved Connector 3">
            <a:extLst>
              <a:ext uri="{FF2B5EF4-FFF2-40B4-BE49-F238E27FC236}">
                <a16:creationId xmlns:a16="http://schemas.microsoft.com/office/drawing/2014/main" id="{EB03F7E9-A7AC-2DA9-79BA-A72AF674B40F}"/>
              </a:ext>
            </a:extLst>
          </p:cNvPr>
          <p:cNvCxnSpPr>
            <a:cxnSpLocks/>
            <a:stCxn id="3" idx="3"/>
            <a:endCxn id="2" idx="1"/>
          </p:cNvCxnSpPr>
          <p:nvPr/>
        </p:nvCxnSpPr>
        <p:spPr>
          <a:xfrm>
            <a:off x="10503534" y="374135"/>
            <a:ext cx="556891" cy="207584"/>
          </a:xfrm>
          <a:prstGeom prst="curvedConnector3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81000066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A5F9409-B76F-9780-E170-14F8F9A438B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F69BDE3-F701-57BD-C1BD-DDF3DDB06A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finitions of Exposure &amp; Comparison Conditions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FDA31E2-D059-FD51-7CB8-257E9340A163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r>
              <a:rPr lang="en-US" dirty="0"/>
              <a:t>Policy Trial Emulation Analogu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A0F510E4-BC64-547F-3E5B-7C47F3843045}"/>
              </a:ext>
            </a:extLst>
          </p:cNvPr>
          <p:cNvSpPr>
            <a:spLocks noGrp="1"/>
          </p:cNvSpPr>
          <p:nvPr>
            <p:ph sz="quarter" idx="4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Specific details of each policy can be quite heterogeneous</a:t>
            </a:r>
          </a:p>
          <a:p>
            <a:pPr marL="628650" lvl="1" indent="-342900"/>
            <a:r>
              <a:rPr lang="en-US" dirty="0"/>
              <a:t>E.g., specialty mental health clinics implement cardiovascular care management to different extents or in different way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043A5976-D3E3-28A9-B317-D89EC2A13A1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ypothetical Target Tria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E1281DF-BC30-3C6B-EA97-D655C923F3C0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Exposure would be </a:t>
            </a:r>
            <a:r>
              <a:rPr lang="en-US" i="1" dirty="0"/>
              <a:t>one</a:t>
            </a:r>
            <a:r>
              <a:rPr lang="en-US" dirty="0"/>
              <a:t> policy that all implementing units are assigned to implement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mparison could be a specific alternative policy, or “business as usual”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4951980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A8656A6-7B9F-64CA-388B-17A9BB93CF2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DD46EAB-6EA7-C735-F68E-44533CBF93C6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/>
              <a:t>Legal epidemiolog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60D705-72B0-C760-36B1-A9500FB5B9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fining the Exposur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95B39593-E2C0-9BAC-CE80-307D89F21D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201600" y="1872290"/>
            <a:ext cx="3475455" cy="4264079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Use </a:t>
            </a:r>
            <a:r>
              <a:rPr lang="en-US" b="1" dirty="0"/>
              <a:t>qualitative methods </a:t>
            </a:r>
            <a:r>
              <a:rPr lang="en-US" dirty="0"/>
              <a:t>to identify a class (or small number of classes) of similar policies that will be the exposure(s)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Definition should be precise to help disentangle effects of interest &amp; avoid confounding policies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uld emulate a multi-arm trial.</a:t>
            </a:r>
          </a:p>
        </p:txBody>
      </p:sp>
      <p:pic>
        <p:nvPicPr>
          <p:cNvPr id="13" name="Content Placeholder 12">
            <a:extLst>
              <a:ext uri="{FF2B5EF4-FFF2-40B4-BE49-F238E27FC236}">
                <a16:creationId xmlns:a16="http://schemas.microsoft.com/office/drawing/2014/main" id="{C777AF58-B6DC-7E83-E97C-8F21AFD593B7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3"/>
          <a:stretch>
            <a:fillRect/>
          </a:stretch>
        </p:blipFill>
        <p:spPr>
          <a:xfrm>
            <a:off x="4574652" y="1840818"/>
            <a:ext cx="6747922" cy="42955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05852054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457716-7299-D4D6-5443-11137BF273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fining the Comparison Group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22DF79F-C141-44A4-153D-B90428E52BC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/>
              <a:t>Best practices for trial emulation:</a:t>
            </a:r>
          </a:p>
          <a:p>
            <a:pPr marL="914400" lvl="1" indent="-457200">
              <a:buFont typeface="+mj-lt"/>
              <a:buAutoNum type="arabicPeriod"/>
            </a:pPr>
            <a:r>
              <a:rPr lang="en-US" dirty="0"/>
              <a:t>At time zero, the comparison group is every policy-level unit that has not been exposed at that time</a:t>
            </a:r>
          </a:p>
          <a:p>
            <a:pPr marL="914400" lvl="1" indent="-457200">
              <a:buFont typeface="+mj-lt"/>
              <a:buAutoNum type="arabicPeriod"/>
            </a:pPr>
            <a:r>
              <a:rPr lang="en-US" dirty="0"/>
              <a:t>If unexposed units become exposed later, censor their outcomes when they become exposed.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b="1" dirty="0"/>
              <a:t>This ideal design isn’t always practical for policy evaluations.</a:t>
            </a:r>
          </a:p>
        </p:txBody>
      </p:sp>
    </p:spTree>
    <p:extLst>
      <p:ext uri="{BB962C8B-B14F-4D97-AF65-F5344CB8AC3E}">
        <p14:creationId xmlns:p14="http://schemas.microsoft.com/office/powerpoint/2010/main" val="335759519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FE7821-4F55-EA88-7980-B47144162D3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D267971-4ADD-582C-1E47-CB600114E1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oosing Comparators for Policy Evaluation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5FD5BE16-5C68-416A-629A-4118EBD62EC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r>
              <a:rPr lang="en-US" dirty="0"/>
              <a:t>Never Exposed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84B3309A-4A62-F89B-D7BF-1556FC7C24F3}"/>
              </a:ext>
            </a:extLst>
          </p:cNvPr>
          <p:cNvSpPr>
            <a:spLocks noGrp="1"/>
          </p:cNvSpPr>
          <p:nvPr>
            <p:ph sz="quarter" idx="4"/>
          </p:nvPr>
        </p:nvSpPr>
        <p:spPr/>
        <p:txBody>
          <a:bodyPr/>
          <a:lstStyle/>
          <a:p>
            <a:pPr lvl="1"/>
            <a:r>
              <a:rPr lang="en-US" dirty="0"/>
              <a:t>Chosen using knowledge of future policy status – could lead to bias!</a:t>
            </a:r>
          </a:p>
          <a:p>
            <a:pPr lvl="1"/>
            <a:r>
              <a:rPr lang="en-US" dirty="0"/>
              <a:t>Clearly not ideal in the target trial framework, but</a:t>
            </a:r>
          </a:p>
          <a:p>
            <a:pPr lvl="1"/>
            <a:r>
              <a:rPr lang="en-US" dirty="0"/>
              <a:t>the comparison group remains unchanged over time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C7A006C-6B50-71C5-C7FC-7E54E3EDB77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Unexposed at Baselin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F79849BF-400B-3C62-9421-49F89BCC8EF4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lvl="1"/>
            <a:r>
              <a:rPr lang="en-US" dirty="0"/>
              <a:t>Avoids conditioning on post-treatment information</a:t>
            </a:r>
          </a:p>
          <a:p>
            <a:pPr lvl="1"/>
            <a:r>
              <a:rPr lang="en-US" dirty="0"/>
              <a:t>Allows the comparison group to change (possibly meaningfully) over time.</a:t>
            </a:r>
          </a:p>
          <a:p>
            <a:pPr lvl="2"/>
            <a:r>
              <a:rPr lang="en-US" dirty="0"/>
              <a:t>Is an observed effect due to the policy or the changing comparison group?</a:t>
            </a:r>
          </a:p>
        </p:txBody>
      </p:sp>
    </p:spTree>
    <p:extLst>
      <p:ext uri="{BB962C8B-B14F-4D97-AF65-F5344CB8AC3E}">
        <p14:creationId xmlns:p14="http://schemas.microsoft.com/office/powerpoint/2010/main" val="3419780609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A93F67-259B-AF0C-4595-84EFB2DCAEF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ever-Exposed Comparator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F7E687C-F22E-ED58-72F7-2ADA75232EB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Very commonly used in policy evaluations, but</a:t>
            </a:r>
          </a:p>
          <a:p>
            <a:pPr lvl="1"/>
            <a:r>
              <a:rPr lang="en-US" dirty="0"/>
              <a:t>Studies that choose to use never-exposed comparators are subject to additional assumptions about the comparability of ever- and never-exposed units and are subject to bias.</a:t>
            </a:r>
          </a:p>
          <a:p>
            <a:pPr lvl="1"/>
            <a:r>
              <a:rPr lang="en-US" i="1" dirty="0"/>
              <a:t>This choice deviates from ideal target trial emulation.</a:t>
            </a:r>
          </a:p>
          <a:p>
            <a:r>
              <a:rPr lang="en-US" dirty="0"/>
              <a:t>Options for redesigning the study:</a:t>
            </a:r>
          </a:p>
          <a:p>
            <a:pPr lvl="1"/>
            <a:r>
              <a:rPr lang="en-US" dirty="0"/>
              <a:t>Change policy-level eligibility criteria to </a:t>
            </a:r>
            <a:r>
              <a:rPr lang="en-US" i="1" dirty="0"/>
              <a:t>de facto</a:t>
            </a:r>
            <a:r>
              <a:rPr lang="en-US" dirty="0"/>
              <a:t> exclude likely bad comparators (geography, urbanicity, etc.). Pay attention to remaining sample size!</a:t>
            </a:r>
          </a:p>
          <a:p>
            <a:pPr lvl="1"/>
            <a:r>
              <a:rPr lang="en-US" dirty="0"/>
              <a:t>Limit the follow-up period to one in which good comparators exist.</a:t>
            </a:r>
          </a:p>
        </p:txBody>
      </p:sp>
    </p:spTree>
    <p:extLst>
      <p:ext uri="{BB962C8B-B14F-4D97-AF65-F5344CB8AC3E}">
        <p14:creationId xmlns:p14="http://schemas.microsoft.com/office/powerpoint/2010/main" val="3488734711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3D0E64-5433-8711-0B93-5DEEF45B16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ample: Medical Cannabis Law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FDC1EE9-F013-F085-F550-B51D47C941D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Our </a:t>
            </a:r>
            <a:r>
              <a:rPr lang="en-US" b="1" dirty="0"/>
              <a:t>exposure</a:t>
            </a:r>
            <a:r>
              <a:rPr lang="en-US" dirty="0"/>
              <a:t> was </a:t>
            </a:r>
          </a:p>
          <a:p>
            <a:pPr lvl="1"/>
            <a:r>
              <a:rPr lang="en-US" i="1" dirty="0"/>
              <a:t>Implementation of a medical cannabis law that allowed qualified patients to purchase cannabis at a dispensary</a:t>
            </a:r>
            <a:r>
              <a:rPr lang="en-US" dirty="0"/>
              <a:t>, and</a:t>
            </a:r>
          </a:p>
          <a:p>
            <a:pPr lvl="1"/>
            <a:r>
              <a:rPr lang="en-US" i="1" dirty="0"/>
              <a:t>Lack of implementation of a recreational cannabis law.</a:t>
            </a:r>
          </a:p>
          <a:p>
            <a:pPr lvl="1"/>
            <a:endParaRPr lang="en-US" i="1" dirty="0"/>
          </a:p>
          <a:p>
            <a:pPr marL="0" lvl="1" indent="0">
              <a:buNone/>
            </a:pPr>
            <a:r>
              <a:rPr lang="en-US" dirty="0"/>
              <a:t>The </a:t>
            </a:r>
            <a:r>
              <a:rPr lang="en-US" b="1" dirty="0"/>
              <a:t>comparison condition</a:t>
            </a:r>
            <a:r>
              <a:rPr lang="en-US" dirty="0"/>
              <a:t> was</a:t>
            </a:r>
          </a:p>
          <a:p>
            <a:pPr lvl="1"/>
            <a:r>
              <a:rPr lang="en-US" i="1" dirty="0"/>
              <a:t>Lack of implementation of a medical cannabis law, 2010-2022.</a:t>
            </a:r>
          </a:p>
          <a:p>
            <a:pPr lvl="2"/>
            <a:r>
              <a:rPr lang="en-US" dirty="0"/>
              <a:t>(i.e., never-exposed comparators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C3745FB-D4C0-2A90-2052-6BBAC08EABA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5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5067972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F5D232A0-ECF6-377B-A886-4463528DB6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3. Assignment Mechanism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49580C00-662F-8203-B29D-D4A5349A37F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ow did units decide to implement or not implement the policy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347AD8-957E-A592-4C70-723EFFB18FC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6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812689260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027FA64D-7BDE-A2DA-67B7-574D3151EE0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ssignment Mechanism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248589B-23E7-5F28-F792-3BE09C34FAFA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r>
              <a:rPr lang="en-US" dirty="0"/>
              <a:t>Policy Trial Emulation Analogu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1E6BBED-13B9-FA55-B94A-264BA8CA46A6}"/>
              </a:ext>
            </a:extLst>
          </p:cNvPr>
          <p:cNvSpPr>
            <a:spLocks noGrp="1"/>
          </p:cNvSpPr>
          <p:nvPr>
            <p:ph sz="quarter" idx="4"/>
          </p:nvPr>
        </p:nvSpPr>
        <p:spPr/>
        <p:txBody>
          <a:bodyPr/>
          <a:lstStyle/>
          <a:p>
            <a:r>
              <a:rPr lang="en-US" dirty="0"/>
              <a:t>Not randomized</a:t>
            </a:r>
          </a:p>
          <a:p>
            <a:r>
              <a:rPr lang="en-US" dirty="0"/>
              <a:t>(Usually) emulates cluster randomization</a:t>
            </a:r>
          </a:p>
          <a:p>
            <a:r>
              <a:rPr lang="en-US" dirty="0"/>
              <a:t>Almost certainly unblinded</a:t>
            </a:r>
          </a:p>
          <a:p>
            <a:r>
              <a:rPr lang="en-US" dirty="0"/>
              <a:t>Affected by known and unknown characteristics of policy-level unit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F2A9F86E-4BC0-42D6-2663-07256CE81F1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ypothetical Target Tria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B909CA8-2283-808C-DB71-48398DE5F0E3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dirty="0"/>
              <a:t>Cluster-randomized</a:t>
            </a:r>
          </a:p>
          <a:p>
            <a:r>
              <a:rPr lang="en-US" dirty="0"/>
              <a:t>Possibly stratified</a:t>
            </a:r>
          </a:p>
          <a:p>
            <a:r>
              <a:rPr lang="en-US" dirty="0"/>
              <a:t>Almost certainly unblinded</a:t>
            </a:r>
          </a:p>
          <a:p>
            <a:r>
              <a:rPr lang="en-US" dirty="0"/>
              <a:t>Unconfounded</a:t>
            </a:r>
          </a:p>
        </p:txBody>
      </p:sp>
    </p:spTree>
    <p:extLst>
      <p:ext uri="{BB962C8B-B14F-4D97-AF65-F5344CB8AC3E}">
        <p14:creationId xmlns:p14="http://schemas.microsoft.com/office/powerpoint/2010/main" val="1146602778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C0688C5-9542-EA6D-AA68-86045290F2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E4052AB6-1E04-EF97-6D6D-1391DECEBB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4. Baseline / Time Zero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52B0D4B-0625-AD7A-19CB-ABE9BDA1F60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hen did units decide to implement or not implement the policy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244F12D-6E5F-4214-C96F-ACA17FF715F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8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951005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EA6BB1F-7245-5CCA-D79F-D8AF6F94ED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seline / Time Zero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5658D64-AA71-3E21-F3DD-34D40E4ECA1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ypothetical Target Tria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27B0E9A-0522-AA5A-7132-2E737CCABD7D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>
            <a:normAutofit/>
          </a:bodyPr>
          <a:lstStyle/>
          <a:p>
            <a:r>
              <a:rPr lang="en-US" dirty="0"/>
              <a:t>Time of randomization</a:t>
            </a:r>
          </a:p>
          <a:p>
            <a:pPr lvl="1"/>
            <a:r>
              <a:rPr lang="en-US" dirty="0"/>
              <a:t>Recruitment &amp; prep done prior, so policy can be implemented immediately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268E04D-7959-B55D-98FE-958C96AA165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r>
              <a:rPr lang="en-US" dirty="0"/>
              <a:t>Policy Trial Emulation Analogu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7EE8D79-9671-118A-B513-9826538EA600}"/>
              </a:ext>
            </a:extLst>
          </p:cNvPr>
          <p:cNvSpPr>
            <a:spLocks noGrp="1"/>
          </p:cNvSpPr>
          <p:nvPr>
            <p:ph sz="quarter" idx="4"/>
          </p:nvPr>
        </p:nvSpPr>
        <p:spPr/>
        <p:txBody>
          <a:bodyPr>
            <a:normAutofit/>
          </a:bodyPr>
          <a:lstStyle/>
          <a:p>
            <a:r>
              <a:rPr lang="en-US" dirty="0"/>
              <a:t>When the policy could start impacting outcomes</a:t>
            </a:r>
          </a:p>
          <a:p>
            <a:r>
              <a:rPr lang="en-US" dirty="0"/>
              <a:t>Complicated for comparison units. When could they have implemented the policy but did not?</a:t>
            </a:r>
            <a:endParaRPr lang="en-US" i="1" dirty="0"/>
          </a:p>
        </p:txBody>
      </p:sp>
    </p:spTree>
    <p:extLst>
      <p:ext uri="{BB962C8B-B14F-4D97-AF65-F5344CB8AC3E}">
        <p14:creationId xmlns:p14="http://schemas.microsoft.com/office/powerpoint/2010/main" val="93983375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5929296-4F70-13BB-C28E-7A0FC0888F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Goal of Policy Evaluation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A88FD77-251F-B4C7-9459-7793651CE74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In general:</a:t>
            </a:r>
          </a:p>
          <a:p>
            <a:pPr marL="457200" lvl="1" indent="0">
              <a:buNone/>
            </a:pPr>
            <a:endParaRPr lang="en-US" dirty="0"/>
          </a:p>
          <a:p>
            <a:pPr marL="457200" lvl="1" indent="0">
              <a:lnSpc>
                <a:spcPct val="150000"/>
              </a:lnSpc>
              <a:buNone/>
            </a:pPr>
            <a:r>
              <a:rPr lang="en-US" sz="2400" i="1" dirty="0"/>
              <a:t>“What is the effect of [a policy] on [outcome(s) of interest] over [a defined period of time], relative to what would have happened in the absence of the policy?”</a:t>
            </a:r>
          </a:p>
          <a:p>
            <a:pPr marL="12700" lvl="1" indent="0">
              <a:lnSpc>
                <a:spcPct val="150000"/>
              </a:lnSpc>
              <a:buNone/>
            </a:pPr>
            <a:endParaRPr lang="en-US" dirty="0"/>
          </a:p>
          <a:p>
            <a:pPr marL="12700" lvl="1" indent="0">
              <a:lnSpc>
                <a:spcPct val="150000"/>
              </a:lnSpc>
              <a:buNone/>
            </a:pPr>
            <a:r>
              <a:rPr lang="en-US" b="1" dirty="0"/>
              <a:t>Design thinking </a:t>
            </a:r>
            <a:r>
              <a:rPr lang="en-US" dirty="0"/>
              <a:t>is useful in operationalizing this question.</a:t>
            </a:r>
            <a:endParaRPr lang="en-US" sz="2400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E06934C-416C-ACC2-7CB8-C72DCCD265D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3</a:t>
            </a:fld>
            <a:endParaRPr lang="en-US" noProof="0"/>
          </a:p>
        </p:txBody>
      </p:sp>
      <p:pic>
        <p:nvPicPr>
          <p:cNvPr id="8" name="Content Placeholder 10">
            <a:extLst>
              <a:ext uri="{FF2B5EF4-FFF2-40B4-BE49-F238E27FC236}">
                <a16:creationId xmlns:a16="http://schemas.microsoft.com/office/drawing/2014/main" id="{7915B907-E6A2-A25F-F19E-A511B8BD8B9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F4E12E77-ABDF-19E8-27CA-60C0691CE446}"/>
              </a:ext>
            </a:extLst>
          </p:cNvPr>
          <p:cNvSpPr txBox="1"/>
          <p:nvPr/>
        </p:nvSpPr>
        <p:spPr>
          <a:xfrm>
            <a:off x="9577704" y="127913"/>
            <a:ext cx="9258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1"/>
                </a:solidFill>
                <a:latin typeface="Architects Daughter" pitchFamily="2" charset="0"/>
              </a:rPr>
              <a:t>Scan for slides</a:t>
            </a:r>
          </a:p>
        </p:txBody>
      </p:sp>
      <p:cxnSp>
        <p:nvCxnSpPr>
          <p:cNvPr id="10" name="Curved Connector 9">
            <a:extLst>
              <a:ext uri="{FF2B5EF4-FFF2-40B4-BE49-F238E27FC236}">
                <a16:creationId xmlns:a16="http://schemas.microsoft.com/office/drawing/2014/main" id="{F11CCE52-AD79-747A-F65D-D344D42D4527}"/>
              </a:ext>
            </a:extLst>
          </p:cNvPr>
          <p:cNvCxnSpPr>
            <a:cxnSpLocks/>
            <a:stCxn id="9" idx="3"/>
            <a:endCxn id="8" idx="1"/>
          </p:cNvCxnSpPr>
          <p:nvPr/>
        </p:nvCxnSpPr>
        <p:spPr>
          <a:xfrm>
            <a:off x="10503534" y="374135"/>
            <a:ext cx="556891" cy="207584"/>
          </a:xfrm>
          <a:prstGeom prst="curvedConnector3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57280144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EF4B1616-DF9A-8017-37F8-EF115345BE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seline / Time zero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332A78BC-D31E-F403-B625-EC9FC118E73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A bad definition can lead to bias (conditioning on post-treatment information)</a:t>
            </a:r>
          </a:p>
          <a:p>
            <a:r>
              <a:rPr lang="en-US" dirty="0"/>
              <a:t>“Staggered adoption” yields even more complexity. One solution is </a:t>
            </a:r>
            <a:r>
              <a:rPr lang="en-US" b="1" dirty="0"/>
              <a:t>serial trial emulation:</a:t>
            </a:r>
          </a:p>
          <a:p>
            <a:pPr lvl="1"/>
            <a:r>
              <a:rPr lang="en-US" dirty="0"/>
              <a:t>Define baseline for each treated unit, then use those calendar times to define a series of baselines for comparators</a:t>
            </a:r>
          </a:p>
          <a:p>
            <a:pPr lvl="1"/>
            <a:r>
              <a:rPr lang="en-US" dirty="0"/>
              <a:t>Creates multiple trial emulations, one per unique policy implementation date</a:t>
            </a:r>
          </a:p>
        </p:txBody>
      </p:sp>
    </p:spTree>
    <p:extLst>
      <p:ext uri="{BB962C8B-B14F-4D97-AF65-F5344CB8AC3E}">
        <p14:creationId xmlns:p14="http://schemas.microsoft.com/office/powerpoint/2010/main" val="2577447705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7F7F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FADCB47-90A6-6A06-D610-E24325C442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erial Trial Emulation</a:t>
            </a:r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1B98F8FE-7DB5-39AF-55BC-52F26F7B882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664043" y="1745911"/>
            <a:ext cx="8863914" cy="45107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78891692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73BD2C0-4940-5E8E-69D8-9D687AA803D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621E1E88-C03C-7A69-DC00-BBD976FD0F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5. Outcomes and Follow-Up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D997EA6B-CF2C-8F4D-3507-74D11DD0CFE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hat are we measuring and when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9F98583-A8AF-1271-4244-87948029347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32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833002396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DD16C-2EF0-26C5-82E7-1EEB22181DB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utcom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98E57DA-4C5D-D417-EDC4-A06D6A423E2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Outcomes are interpreted at the policy level: they’ll be proportions, means, etc. for each policy-level unit.</a:t>
            </a:r>
          </a:p>
          <a:p>
            <a:pPr lvl="1"/>
            <a:r>
              <a:rPr lang="en-US" dirty="0"/>
              <a:t>Natural for group-panel data!</a:t>
            </a:r>
          </a:p>
          <a:p>
            <a:pPr lvl="1"/>
            <a:r>
              <a:rPr lang="en-US" dirty="0"/>
              <a:t>Individual-level data will be aggregated to the policy level</a:t>
            </a:r>
          </a:p>
          <a:p>
            <a:r>
              <a:rPr lang="en-US" dirty="0"/>
              <a:t>Can be prospectively designed in an RCT, but non-experimental policy evaluations are retrospective by nature.</a:t>
            </a:r>
          </a:p>
        </p:txBody>
      </p:sp>
    </p:spTree>
    <p:extLst>
      <p:ext uri="{BB962C8B-B14F-4D97-AF65-F5344CB8AC3E}">
        <p14:creationId xmlns:p14="http://schemas.microsoft.com/office/powerpoint/2010/main" val="3176017289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6A7B55-9FB6-1C3F-C0DE-CEBE3392AF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ollow-Up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A725C12-3735-FB73-97DB-2F0F7515594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CTs typically have one (or few) pre-exposure measurements.</a:t>
            </a:r>
          </a:p>
          <a:p>
            <a:r>
              <a:rPr lang="en-US" dirty="0"/>
              <a:t>Validity of causal estimate in non-experimental study often relies on reasonably large number of pre-treatment measurement occasions.</a:t>
            </a:r>
          </a:p>
          <a:p>
            <a:r>
              <a:rPr lang="en-US" dirty="0"/>
              <a:t>Post-exposure follow-up should capture meaningful effects &amp; changes therein.</a:t>
            </a:r>
          </a:p>
        </p:txBody>
      </p:sp>
    </p:spTree>
    <p:extLst>
      <p:ext uri="{BB962C8B-B14F-4D97-AF65-F5344CB8AC3E}">
        <p14:creationId xmlns:p14="http://schemas.microsoft.com/office/powerpoint/2010/main" val="420245207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A17F917-D149-0149-9B0B-B7BFD6BD434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6A4A13B-B65D-2D79-2092-E219D0B053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6. Causal Estimand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70A84D5-7CFD-9466-2EE5-2EFD895B959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hat population-level quantity describes the question of interest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85730F-A2B5-3674-26C4-428D6E8148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35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986105664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2E3EA9-9069-540A-13D9-ABB7C5B24D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ausal Estimand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A1C73303-8ADB-BACD-C47A-708DCFB616A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dirty="0"/>
                  <a:t>Often, a causal quantity that describes the average </a:t>
                </a:r>
                <a:r>
                  <a:rPr lang="en-US" i="1" dirty="0"/>
                  <a:t>difference</a:t>
                </a:r>
                <a:r>
                  <a:rPr lang="en-US" dirty="0"/>
                  <a:t> between counterfactual outcomes in policy-level units under exposure and comparison conditions.</a:t>
                </a:r>
              </a:p>
              <a:p>
                <a:pPr lvl="1"/>
                <a:r>
                  <a:rPr lang="en-US" dirty="0"/>
                  <a:t>Answers questions about what would have happened under different states of the world.</a:t>
                </a:r>
              </a:p>
              <a:p>
                <a:pPr lvl="1"/>
                <a:endParaRPr lang="en-US" dirty="0"/>
              </a:p>
              <a:p>
                <a:pPr marL="0" lvl="1" indent="0">
                  <a:buNone/>
                </a:pPr>
                <a:r>
                  <a:rPr lang="en-US" dirty="0"/>
                  <a:t>Expressed in </a:t>
                </a:r>
                <a:r>
                  <a:rPr lang="en-US" b="1" dirty="0"/>
                  <a:t>potential outcomes notation</a:t>
                </a:r>
                <a:r>
                  <a:rPr lang="en-US" dirty="0"/>
                  <a:t>: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𝑌</m:t>
                    </m:r>
                    <m:d>
                      <m:d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e>
                    </m:d>
                  </m:oMath>
                </a14:m>
                <a:r>
                  <a:rPr lang="en-US" dirty="0"/>
                  <a:t> is the outcome that would be observed under exposure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𝑌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(0)</m:t>
                    </m:r>
                  </m:oMath>
                </a14:m>
                <a:r>
                  <a:rPr lang="en-US" dirty="0"/>
                  <a:t> is the outcome that would be observed under no exposure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A1C73303-8ADB-BACD-C47A-708DCFB616A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769" t="-200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617530272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CB0AB2F-6C1D-930B-7FF5-BBDD5BD456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ategories of Causal Estimand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3348D1E7-6203-D260-E972-509CFA1F4095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>
                <a:normAutofit fontScale="92500" lnSpcReduction="10000"/>
              </a:bodyPr>
              <a:lstStyle/>
              <a:p>
                <a:r>
                  <a:rPr lang="en-US" b="1" dirty="0"/>
                  <a:t>Average treatment effect (ATE) </a:t>
                </a:r>
                <a:r>
                  <a:rPr lang="en-US" dirty="0"/>
                  <a:t>compares expected counterfactual outcomes under exposure to those under the comparison condition on average over the entire population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𝐸</m:t>
                    </m:r>
                    <m:d>
                      <m:dPr>
                        <m:begChr m:val="["/>
                        <m:endChr m:val="]"/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𝑌</m:t>
                        </m:r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e>
                        </m:d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𝑌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(0)</m:t>
                        </m:r>
                      </m:e>
                    </m:d>
                  </m:oMath>
                </a14:m>
                <a:endParaRPr lang="en-US" dirty="0"/>
              </a:p>
              <a:p>
                <a:r>
                  <a:rPr lang="en-US" b="1" dirty="0"/>
                  <a:t>Average treatment effect among the treated (ATT)</a:t>
                </a:r>
                <a:r>
                  <a:rPr lang="en-US" dirty="0"/>
                  <a:t> compares observed outcomes in the exposed group to what would have happened had they been unexposed: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𝐸</m:t>
                    </m:r>
                    <m:d>
                      <m:dPr>
                        <m:begChr m:val="["/>
                        <m:endChr m:val="]"/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𝑌</m:t>
                        </m:r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e>
                        </m:d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𝑌</m:t>
                        </m:r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0</m:t>
                            </m:r>
                          </m:e>
                        </m:d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∣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𝐴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=1</m:t>
                        </m:r>
                      </m:e>
                    </m:d>
                  </m:oMath>
                </a14:m>
                <a:endParaRPr lang="en-US" dirty="0"/>
              </a:p>
              <a:p>
                <a:r>
                  <a:rPr lang="en-US" b="1" dirty="0"/>
                  <a:t>Average treatment effect among comparators (ATC)</a:t>
                </a:r>
                <a:r>
                  <a:rPr lang="en-US" dirty="0"/>
                  <a:t> compares observed outcomes in the unexposed group to what would have happened had they been exposed: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𝐸</m:t>
                    </m:r>
                    <m:d>
                      <m:dPr>
                        <m:begChr m:val="["/>
                        <m:endChr m:val="]"/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𝑌</m:t>
                        </m:r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e>
                        </m:d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𝑌</m:t>
                        </m:r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0</m:t>
                            </m:r>
                          </m:e>
                        </m:d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∣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𝐴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=0</m:t>
                        </m:r>
                      </m:e>
                    </m:d>
                  </m:oMath>
                </a14:m>
                <a:endParaRPr lang="en-US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3348D1E7-6203-D260-E972-509CFA1F4095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533" t="-2286" b="-342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BD5EAFEE-8206-BCEC-BA9A-E8415C06AFAC}"/>
              </a:ext>
            </a:extLst>
          </p:cNvPr>
          <p:cNvSpPr/>
          <p:nvPr/>
        </p:nvSpPr>
        <p:spPr>
          <a:xfrm>
            <a:off x="9259608" y="296998"/>
            <a:ext cx="2564658" cy="1189219"/>
          </a:xfrm>
          <a:custGeom>
            <a:avLst/>
            <a:gdLst>
              <a:gd name="connsiteX0" fmla="*/ 0 w 2564658"/>
              <a:gd name="connsiteY0" fmla="*/ 198207 h 1189219"/>
              <a:gd name="connsiteX1" fmla="*/ 198207 w 2564658"/>
              <a:gd name="connsiteY1" fmla="*/ 0 h 1189219"/>
              <a:gd name="connsiteX2" fmla="*/ 675221 w 2564658"/>
              <a:gd name="connsiteY2" fmla="*/ 0 h 1189219"/>
              <a:gd name="connsiteX3" fmla="*/ 1217282 w 2564658"/>
              <a:gd name="connsiteY3" fmla="*/ 0 h 1189219"/>
              <a:gd name="connsiteX4" fmla="*/ 1715978 w 2564658"/>
              <a:gd name="connsiteY4" fmla="*/ 0 h 1189219"/>
              <a:gd name="connsiteX5" fmla="*/ 2366451 w 2564658"/>
              <a:gd name="connsiteY5" fmla="*/ 0 h 1189219"/>
              <a:gd name="connsiteX6" fmla="*/ 2564658 w 2564658"/>
              <a:gd name="connsiteY6" fmla="*/ 198207 h 1189219"/>
              <a:gd name="connsiteX7" fmla="*/ 2564658 w 2564658"/>
              <a:gd name="connsiteY7" fmla="*/ 586681 h 1189219"/>
              <a:gd name="connsiteX8" fmla="*/ 2564658 w 2564658"/>
              <a:gd name="connsiteY8" fmla="*/ 991012 h 1189219"/>
              <a:gd name="connsiteX9" fmla="*/ 2366451 w 2564658"/>
              <a:gd name="connsiteY9" fmla="*/ 1189219 h 1189219"/>
              <a:gd name="connsiteX10" fmla="*/ 1889437 w 2564658"/>
              <a:gd name="connsiteY10" fmla="*/ 1189219 h 1189219"/>
              <a:gd name="connsiteX11" fmla="*/ 1347376 w 2564658"/>
              <a:gd name="connsiteY11" fmla="*/ 1189219 h 1189219"/>
              <a:gd name="connsiteX12" fmla="*/ 805315 w 2564658"/>
              <a:gd name="connsiteY12" fmla="*/ 1189219 h 1189219"/>
              <a:gd name="connsiteX13" fmla="*/ 198207 w 2564658"/>
              <a:gd name="connsiteY13" fmla="*/ 1189219 h 1189219"/>
              <a:gd name="connsiteX14" fmla="*/ 0 w 2564658"/>
              <a:gd name="connsiteY14" fmla="*/ 991012 h 1189219"/>
              <a:gd name="connsiteX15" fmla="*/ 0 w 2564658"/>
              <a:gd name="connsiteY15" fmla="*/ 578753 h 1189219"/>
              <a:gd name="connsiteX16" fmla="*/ 0 w 2564658"/>
              <a:gd name="connsiteY16" fmla="*/ 198207 h 11892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2564658" h="1189219" extrusionOk="0">
                <a:moveTo>
                  <a:pt x="0" y="198207"/>
                </a:moveTo>
                <a:cubicBezTo>
                  <a:pt x="-6799" y="94325"/>
                  <a:pt x="83104" y="3428"/>
                  <a:pt x="198207" y="0"/>
                </a:cubicBezTo>
                <a:cubicBezTo>
                  <a:pt x="425335" y="-4701"/>
                  <a:pt x="566068" y="7432"/>
                  <a:pt x="675221" y="0"/>
                </a:cubicBezTo>
                <a:cubicBezTo>
                  <a:pt x="784374" y="-7432"/>
                  <a:pt x="989779" y="7618"/>
                  <a:pt x="1217282" y="0"/>
                </a:cubicBezTo>
                <a:cubicBezTo>
                  <a:pt x="1444785" y="-7618"/>
                  <a:pt x="1530421" y="20423"/>
                  <a:pt x="1715978" y="0"/>
                </a:cubicBezTo>
                <a:cubicBezTo>
                  <a:pt x="1901535" y="-20423"/>
                  <a:pt x="2146518" y="2970"/>
                  <a:pt x="2366451" y="0"/>
                </a:cubicBezTo>
                <a:cubicBezTo>
                  <a:pt x="2470365" y="-22156"/>
                  <a:pt x="2577621" y="96295"/>
                  <a:pt x="2564658" y="198207"/>
                </a:cubicBezTo>
                <a:cubicBezTo>
                  <a:pt x="2561910" y="362500"/>
                  <a:pt x="2559633" y="429713"/>
                  <a:pt x="2564658" y="586681"/>
                </a:cubicBezTo>
                <a:cubicBezTo>
                  <a:pt x="2569683" y="743649"/>
                  <a:pt x="2545394" y="908019"/>
                  <a:pt x="2564658" y="991012"/>
                </a:cubicBezTo>
                <a:cubicBezTo>
                  <a:pt x="2564135" y="1126070"/>
                  <a:pt x="2492544" y="1208230"/>
                  <a:pt x="2366451" y="1189219"/>
                </a:cubicBezTo>
                <a:cubicBezTo>
                  <a:pt x="2244624" y="1181834"/>
                  <a:pt x="2022169" y="1205798"/>
                  <a:pt x="1889437" y="1189219"/>
                </a:cubicBezTo>
                <a:cubicBezTo>
                  <a:pt x="1756705" y="1172640"/>
                  <a:pt x="1495063" y="1165624"/>
                  <a:pt x="1347376" y="1189219"/>
                </a:cubicBezTo>
                <a:cubicBezTo>
                  <a:pt x="1199689" y="1212814"/>
                  <a:pt x="1073822" y="1184406"/>
                  <a:pt x="805315" y="1189219"/>
                </a:cubicBezTo>
                <a:cubicBezTo>
                  <a:pt x="536808" y="1194032"/>
                  <a:pt x="461817" y="1179291"/>
                  <a:pt x="198207" y="1189219"/>
                </a:cubicBezTo>
                <a:cubicBezTo>
                  <a:pt x="92705" y="1198637"/>
                  <a:pt x="-19060" y="1100940"/>
                  <a:pt x="0" y="991012"/>
                </a:cubicBezTo>
                <a:cubicBezTo>
                  <a:pt x="13667" y="806544"/>
                  <a:pt x="-19029" y="681754"/>
                  <a:pt x="0" y="578753"/>
                </a:cubicBezTo>
                <a:cubicBezTo>
                  <a:pt x="19029" y="475752"/>
                  <a:pt x="855" y="283455"/>
                  <a:pt x="0" y="198207"/>
                </a:cubicBezTo>
                <a:close/>
              </a:path>
            </a:pathLst>
          </a:custGeom>
          <a:noFill/>
          <a:ln w="57150">
            <a:solidFill>
              <a:schemeClr val="accent1"/>
            </a:solidFill>
            <a:extLst>
              <a:ext uri="{C807C97D-BFC1-408E-A445-0C87EB9F89A2}">
                <ask:lineSketchStyleProps xmlns:ask="http://schemas.microsoft.com/office/drawing/2018/sketchyshapes" sd="1362545417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000" dirty="0">
                <a:solidFill>
                  <a:schemeClr val="accent1"/>
                </a:solidFill>
                <a:latin typeface="Architects Daughter" pitchFamily="2" charset="0"/>
              </a:rPr>
              <a:t>Typically the target (by convention)</a:t>
            </a:r>
          </a:p>
        </p:txBody>
      </p:sp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D47C28CF-4DBE-E93F-556F-E8BBE9B6C8FB}"/>
              </a:ext>
            </a:extLst>
          </p:cNvPr>
          <p:cNvSpPr/>
          <p:nvPr/>
        </p:nvSpPr>
        <p:spPr>
          <a:xfrm>
            <a:off x="602512" y="3113903"/>
            <a:ext cx="10432072" cy="1606954"/>
          </a:xfrm>
          <a:custGeom>
            <a:avLst/>
            <a:gdLst>
              <a:gd name="connsiteX0" fmla="*/ 0 w 10432072"/>
              <a:gd name="connsiteY0" fmla="*/ 267831 h 1606954"/>
              <a:gd name="connsiteX1" fmla="*/ 267831 w 10432072"/>
              <a:gd name="connsiteY1" fmla="*/ 0 h 1606954"/>
              <a:gd name="connsiteX2" fmla="*/ 630699 w 10432072"/>
              <a:gd name="connsiteY2" fmla="*/ 0 h 1606954"/>
              <a:gd name="connsiteX3" fmla="*/ 1290460 w 10432072"/>
              <a:gd name="connsiteY3" fmla="*/ 0 h 1606954"/>
              <a:gd name="connsiteX4" fmla="*/ 1752293 w 10432072"/>
              <a:gd name="connsiteY4" fmla="*/ 0 h 1606954"/>
              <a:gd name="connsiteX5" fmla="*/ 2609981 w 10432072"/>
              <a:gd name="connsiteY5" fmla="*/ 0 h 1606954"/>
              <a:gd name="connsiteX6" fmla="*/ 3467670 w 10432072"/>
              <a:gd name="connsiteY6" fmla="*/ 0 h 1606954"/>
              <a:gd name="connsiteX7" fmla="*/ 4028467 w 10432072"/>
              <a:gd name="connsiteY7" fmla="*/ 0 h 1606954"/>
              <a:gd name="connsiteX8" fmla="*/ 4391335 w 10432072"/>
              <a:gd name="connsiteY8" fmla="*/ 0 h 1606954"/>
              <a:gd name="connsiteX9" fmla="*/ 5150060 w 10432072"/>
              <a:gd name="connsiteY9" fmla="*/ 0 h 1606954"/>
              <a:gd name="connsiteX10" fmla="*/ 5908785 w 10432072"/>
              <a:gd name="connsiteY10" fmla="*/ 0 h 1606954"/>
              <a:gd name="connsiteX11" fmla="*/ 6766474 w 10432072"/>
              <a:gd name="connsiteY11" fmla="*/ 0 h 1606954"/>
              <a:gd name="connsiteX12" fmla="*/ 7228306 w 10432072"/>
              <a:gd name="connsiteY12" fmla="*/ 0 h 1606954"/>
              <a:gd name="connsiteX13" fmla="*/ 7888067 w 10432072"/>
              <a:gd name="connsiteY13" fmla="*/ 0 h 1606954"/>
              <a:gd name="connsiteX14" fmla="*/ 8547827 w 10432072"/>
              <a:gd name="connsiteY14" fmla="*/ 0 h 1606954"/>
              <a:gd name="connsiteX15" fmla="*/ 9009660 w 10432072"/>
              <a:gd name="connsiteY15" fmla="*/ 0 h 1606954"/>
              <a:gd name="connsiteX16" fmla="*/ 10164241 w 10432072"/>
              <a:gd name="connsiteY16" fmla="*/ 0 h 1606954"/>
              <a:gd name="connsiteX17" fmla="*/ 10432072 w 10432072"/>
              <a:gd name="connsiteY17" fmla="*/ 267831 h 1606954"/>
              <a:gd name="connsiteX18" fmla="*/ 10432072 w 10432072"/>
              <a:gd name="connsiteY18" fmla="*/ 792764 h 1606954"/>
              <a:gd name="connsiteX19" fmla="*/ 10432072 w 10432072"/>
              <a:gd name="connsiteY19" fmla="*/ 1339123 h 1606954"/>
              <a:gd name="connsiteX20" fmla="*/ 10164241 w 10432072"/>
              <a:gd name="connsiteY20" fmla="*/ 1606954 h 1606954"/>
              <a:gd name="connsiteX21" fmla="*/ 9603444 w 10432072"/>
              <a:gd name="connsiteY21" fmla="*/ 1606954 h 1606954"/>
              <a:gd name="connsiteX22" fmla="*/ 9042648 w 10432072"/>
              <a:gd name="connsiteY22" fmla="*/ 1606954 h 1606954"/>
              <a:gd name="connsiteX23" fmla="*/ 8283923 w 10432072"/>
              <a:gd name="connsiteY23" fmla="*/ 1606954 h 1606954"/>
              <a:gd name="connsiteX24" fmla="*/ 7723127 w 10432072"/>
              <a:gd name="connsiteY24" fmla="*/ 1606954 h 1606954"/>
              <a:gd name="connsiteX25" fmla="*/ 7063366 w 10432072"/>
              <a:gd name="connsiteY25" fmla="*/ 1606954 h 1606954"/>
              <a:gd name="connsiteX26" fmla="*/ 6205677 w 10432072"/>
              <a:gd name="connsiteY26" fmla="*/ 1606954 h 1606954"/>
              <a:gd name="connsiteX27" fmla="*/ 5743845 w 10432072"/>
              <a:gd name="connsiteY27" fmla="*/ 1606954 h 1606954"/>
              <a:gd name="connsiteX28" fmla="*/ 5084084 w 10432072"/>
              <a:gd name="connsiteY28" fmla="*/ 1606954 h 1606954"/>
              <a:gd name="connsiteX29" fmla="*/ 4622251 w 10432072"/>
              <a:gd name="connsiteY29" fmla="*/ 1606954 h 1606954"/>
              <a:gd name="connsiteX30" fmla="*/ 3764563 w 10432072"/>
              <a:gd name="connsiteY30" fmla="*/ 1606954 h 1606954"/>
              <a:gd name="connsiteX31" fmla="*/ 3005838 w 10432072"/>
              <a:gd name="connsiteY31" fmla="*/ 1606954 h 1606954"/>
              <a:gd name="connsiteX32" fmla="*/ 2247113 w 10432072"/>
              <a:gd name="connsiteY32" fmla="*/ 1606954 h 1606954"/>
              <a:gd name="connsiteX33" fmla="*/ 1587352 w 10432072"/>
              <a:gd name="connsiteY33" fmla="*/ 1606954 h 1606954"/>
              <a:gd name="connsiteX34" fmla="*/ 927592 w 10432072"/>
              <a:gd name="connsiteY34" fmla="*/ 1606954 h 1606954"/>
              <a:gd name="connsiteX35" fmla="*/ 267831 w 10432072"/>
              <a:gd name="connsiteY35" fmla="*/ 1606954 h 1606954"/>
              <a:gd name="connsiteX36" fmla="*/ 0 w 10432072"/>
              <a:gd name="connsiteY36" fmla="*/ 1339123 h 1606954"/>
              <a:gd name="connsiteX37" fmla="*/ 0 w 10432072"/>
              <a:gd name="connsiteY37" fmla="*/ 824903 h 1606954"/>
              <a:gd name="connsiteX38" fmla="*/ 0 w 10432072"/>
              <a:gd name="connsiteY38" fmla="*/ 267831 h 16069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</a:cxnLst>
            <a:rect l="l" t="t" r="r" b="b"/>
            <a:pathLst>
              <a:path w="10432072" h="1606954" extrusionOk="0">
                <a:moveTo>
                  <a:pt x="0" y="267831"/>
                </a:moveTo>
                <a:cubicBezTo>
                  <a:pt x="-12521" y="130199"/>
                  <a:pt x="113619" y="3828"/>
                  <a:pt x="267831" y="0"/>
                </a:cubicBezTo>
                <a:cubicBezTo>
                  <a:pt x="433816" y="-16235"/>
                  <a:pt x="480362" y="7424"/>
                  <a:pt x="630699" y="0"/>
                </a:cubicBezTo>
                <a:cubicBezTo>
                  <a:pt x="781036" y="-7424"/>
                  <a:pt x="1059073" y="17935"/>
                  <a:pt x="1290460" y="0"/>
                </a:cubicBezTo>
                <a:cubicBezTo>
                  <a:pt x="1521847" y="-17935"/>
                  <a:pt x="1613109" y="14373"/>
                  <a:pt x="1752293" y="0"/>
                </a:cubicBezTo>
                <a:cubicBezTo>
                  <a:pt x="1891477" y="-14373"/>
                  <a:pt x="2384787" y="37455"/>
                  <a:pt x="2609981" y="0"/>
                </a:cubicBezTo>
                <a:cubicBezTo>
                  <a:pt x="2835175" y="-37455"/>
                  <a:pt x="3210852" y="24953"/>
                  <a:pt x="3467670" y="0"/>
                </a:cubicBezTo>
                <a:cubicBezTo>
                  <a:pt x="3724488" y="-24953"/>
                  <a:pt x="3839669" y="-9729"/>
                  <a:pt x="4028467" y="0"/>
                </a:cubicBezTo>
                <a:cubicBezTo>
                  <a:pt x="4217265" y="9729"/>
                  <a:pt x="4273652" y="5253"/>
                  <a:pt x="4391335" y="0"/>
                </a:cubicBezTo>
                <a:cubicBezTo>
                  <a:pt x="4509018" y="-5253"/>
                  <a:pt x="4943204" y="37579"/>
                  <a:pt x="5150060" y="0"/>
                </a:cubicBezTo>
                <a:cubicBezTo>
                  <a:pt x="5356917" y="-37579"/>
                  <a:pt x="5597267" y="34783"/>
                  <a:pt x="5908785" y="0"/>
                </a:cubicBezTo>
                <a:cubicBezTo>
                  <a:pt x="6220304" y="-34783"/>
                  <a:pt x="6524870" y="-42881"/>
                  <a:pt x="6766474" y="0"/>
                </a:cubicBezTo>
                <a:cubicBezTo>
                  <a:pt x="7008078" y="42881"/>
                  <a:pt x="7074223" y="1990"/>
                  <a:pt x="7228306" y="0"/>
                </a:cubicBezTo>
                <a:cubicBezTo>
                  <a:pt x="7382389" y="-1990"/>
                  <a:pt x="7749192" y="12305"/>
                  <a:pt x="7888067" y="0"/>
                </a:cubicBezTo>
                <a:cubicBezTo>
                  <a:pt x="8026942" y="-12305"/>
                  <a:pt x="8274632" y="-12148"/>
                  <a:pt x="8547827" y="0"/>
                </a:cubicBezTo>
                <a:cubicBezTo>
                  <a:pt x="8821022" y="12148"/>
                  <a:pt x="8785702" y="17335"/>
                  <a:pt x="9009660" y="0"/>
                </a:cubicBezTo>
                <a:cubicBezTo>
                  <a:pt x="9233618" y="-17335"/>
                  <a:pt x="9920422" y="-45679"/>
                  <a:pt x="10164241" y="0"/>
                </a:cubicBezTo>
                <a:cubicBezTo>
                  <a:pt x="10309369" y="3784"/>
                  <a:pt x="10420428" y="138443"/>
                  <a:pt x="10432072" y="267831"/>
                </a:cubicBezTo>
                <a:cubicBezTo>
                  <a:pt x="10424706" y="381842"/>
                  <a:pt x="10453178" y="559975"/>
                  <a:pt x="10432072" y="792764"/>
                </a:cubicBezTo>
                <a:cubicBezTo>
                  <a:pt x="10410966" y="1025553"/>
                  <a:pt x="10434501" y="1212508"/>
                  <a:pt x="10432072" y="1339123"/>
                </a:cubicBezTo>
                <a:cubicBezTo>
                  <a:pt x="10436207" y="1468142"/>
                  <a:pt x="10308860" y="1601728"/>
                  <a:pt x="10164241" y="1606954"/>
                </a:cubicBezTo>
                <a:cubicBezTo>
                  <a:pt x="9995066" y="1580991"/>
                  <a:pt x="9736169" y="1623574"/>
                  <a:pt x="9603444" y="1606954"/>
                </a:cubicBezTo>
                <a:cubicBezTo>
                  <a:pt x="9470719" y="1590334"/>
                  <a:pt x="9189366" y="1594391"/>
                  <a:pt x="9042648" y="1606954"/>
                </a:cubicBezTo>
                <a:cubicBezTo>
                  <a:pt x="8895930" y="1619517"/>
                  <a:pt x="8439810" y="1625839"/>
                  <a:pt x="8283923" y="1606954"/>
                </a:cubicBezTo>
                <a:cubicBezTo>
                  <a:pt x="8128036" y="1588069"/>
                  <a:pt x="7885088" y="1591090"/>
                  <a:pt x="7723127" y="1606954"/>
                </a:cubicBezTo>
                <a:cubicBezTo>
                  <a:pt x="7561166" y="1622818"/>
                  <a:pt x="7297153" y="1582807"/>
                  <a:pt x="7063366" y="1606954"/>
                </a:cubicBezTo>
                <a:cubicBezTo>
                  <a:pt x="6829579" y="1631101"/>
                  <a:pt x="6382106" y="1573865"/>
                  <a:pt x="6205677" y="1606954"/>
                </a:cubicBezTo>
                <a:cubicBezTo>
                  <a:pt x="6029248" y="1640043"/>
                  <a:pt x="5844699" y="1621232"/>
                  <a:pt x="5743845" y="1606954"/>
                </a:cubicBezTo>
                <a:cubicBezTo>
                  <a:pt x="5642991" y="1592676"/>
                  <a:pt x="5409260" y="1608812"/>
                  <a:pt x="5084084" y="1606954"/>
                </a:cubicBezTo>
                <a:cubicBezTo>
                  <a:pt x="4758908" y="1605096"/>
                  <a:pt x="4726308" y="1619503"/>
                  <a:pt x="4622251" y="1606954"/>
                </a:cubicBezTo>
                <a:cubicBezTo>
                  <a:pt x="4518194" y="1594405"/>
                  <a:pt x="4077793" y="1643343"/>
                  <a:pt x="3764563" y="1606954"/>
                </a:cubicBezTo>
                <a:cubicBezTo>
                  <a:pt x="3451333" y="1570565"/>
                  <a:pt x="3215252" y="1574019"/>
                  <a:pt x="3005838" y="1606954"/>
                </a:cubicBezTo>
                <a:cubicBezTo>
                  <a:pt x="2796424" y="1639889"/>
                  <a:pt x="2530908" y="1613766"/>
                  <a:pt x="2247113" y="1606954"/>
                </a:cubicBezTo>
                <a:cubicBezTo>
                  <a:pt x="1963318" y="1600142"/>
                  <a:pt x="1796799" y="1582318"/>
                  <a:pt x="1587352" y="1606954"/>
                </a:cubicBezTo>
                <a:cubicBezTo>
                  <a:pt x="1377905" y="1631590"/>
                  <a:pt x="1247257" y="1596835"/>
                  <a:pt x="927592" y="1606954"/>
                </a:cubicBezTo>
                <a:cubicBezTo>
                  <a:pt x="607927" y="1617073"/>
                  <a:pt x="432384" y="1620195"/>
                  <a:pt x="267831" y="1606954"/>
                </a:cubicBezTo>
                <a:cubicBezTo>
                  <a:pt x="103127" y="1625562"/>
                  <a:pt x="9626" y="1476017"/>
                  <a:pt x="0" y="1339123"/>
                </a:cubicBezTo>
                <a:cubicBezTo>
                  <a:pt x="7069" y="1098098"/>
                  <a:pt x="14848" y="1054850"/>
                  <a:pt x="0" y="824903"/>
                </a:cubicBezTo>
                <a:cubicBezTo>
                  <a:pt x="-14848" y="594956"/>
                  <a:pt x="-8995" y="460482"/>
                  <a:pt x="0" y="267831"/>
                </a:cubicBezTo>
                <a:close/>
              </a:path>
            </a:pathLst>
          </a:custGeom>
          <a:noFill/>
          <a:ln w="57150">
            <a:solidFill>
              <a:schemeClr val="accent1"/>
            </a:solidFill>
            <a:extLst>
              <a:ext uri="{C807C97D-BFC1-408E-A445-0C87EB9F89A2}">
                <ask:lineSketchStyleProps xmlns:ask="http://schemas.microsoft.com/office/drawing/2018/sketchyshapes" sd="1362545417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>
              <a:solidFill>
                <a:schemeClr val="accent1"/>
              </a:solidFill>
              <a:latin typeface="Architects Daughter" pitchFamily="2" charset="0"/>
            </a:endParaRPr>
          </a:p>
        </p:txBody>
      </p:sp>
      <p:cxnSp>
        <p:nvCxnSpPr>
          <p:cNvPr id="6" name="Curved Connector 5">
            <a:extLst>
              <a:ext uri="{FF2B5EF4-FFF2-40B4-BE49-F238E27FC236}">
                <a16:creationId xmlns:a16="http://schemas.microsoft.com/office/drawing/2014/main" id="{C9386CDA-6FAE-97F9-FF0B-9BBE699AE2E9}"/>
              </a:ext>
            </a:extLst>
          </p:cNvPr>
          <p:cNvCxnSpPr>
            <a:cxnSpLocks/>
            <a:stCxn id="4" idx="3"/>
            <a:endCxn id="5" idx="3"/>
          </p:cNvCxnSpPr>
          <p:nvPr/>
        </p:nvCxnSpPr>
        <p:spPr>
          <a:xfrm flipH="1">
            <a:off x="11034584" y="891608"/>
            <a:ext cx="789682" cy="3025772"/>
          </a:xfrm>
          <a:prstGeom prst="curvedConnector3">
            <a:avLst>
              <a:gd name="adj1" fmla="val -28948"/>
            </a:avLst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4599819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  <p:bldP spid="4" grpId="0" animBg="1"/>
      <p:bldP spid="5" grpId="0" animBg="1"/>
    </p:bldLst>
  </p:timing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376DB693-2EBA-8924-CA5E-6C4F3F1BA6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arget Estimands &amp; Target Audienc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51C56DF-E294-1AE8-731D-D5790C250A7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Policymakers (hopefully) want to know what will happen if they implement somethi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Question of interest for PA probably isn’t “What happened in MD”, but “What will happen in PA?”</a:t>
            </a:r>
          </a:p>
          <a:p>
            <a:pPr marL="628650" lvl="1" indent="-342900"/>
            <a:r>
              <a:rPr lang="en-US" dirty="0"/>
              <a:t>(⬆️ That’s not an ATT!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73BEC-C14D-05AB-5B75-3EF1A5388AB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7048EB2-ABBB-452B-B43B-31E8A7DFB90B}" type="slidenum">
              <a:rPr lang="en-GB" smtClean="0"/>
              <a:pPr/>
              <a:t>3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37505121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DEF2522-74BF-56E9-9CBA-CF3358FC8E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e all love the ATT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B03C2174-47F0-CD8E-912B-1C9EFC7D6D3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dirty="0"/>
                  <a:t>The </a:t>
                </a:r>
                <a:r>
                  <a:rPr lang="en-US" b="1" dirty="0"/>
                  <a:t>average treatment effect among the treated (ATT)</a:t>
                </a:r>
                <a:r>
                  <a:rPr lang="en-US" dirty="0"/>
                  <a:t> compares what actually happened to the policy-implementing units to what would have happened in the absence of the policy.</a:t>
                </a:r>
              </a:p>
              <a:p>
                <a:endParaRPr lang="en-US" dirty="0"/>
              </a:p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𝐴𝑇𝑇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𝐸</m:t>
                      </m:r>
                      <m:d>
                        <m:dPr>
                          <m:begChr m:val="["/>
                          <m:endChr m:val="|"/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  <m:d>
                            <m:d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e>
                          </m:d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  <m:d>
                            <m:d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e>
                          </m:d>
                        </m:e>
                      </m:d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𝐴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1]</m:t>
                      </m:r>
                    </m:oMath>
                  </m:oMathPara>
                </a14:m>
                <a:endParaRPr lang="en-US" dirty="0"/>
              </a:p>
              <a:p>
                <a:endParaRPr lang="en-US" dirty="0"/>
              </a:p>
              <a:p>
                <a:r>
                  <a:rPr lang="en-US" dirty="0"/>
                  <a:t>A </a:t>
                </a:r>
                <a:r>
                  <a:rPr lang="en-US" b="1" dirty="0"/>
                  <a:t>ton</a:t>
                </a:r>
                <a:r>
                  <a:rPr lang="en-US" dirty="0"/>
                  <a:t> of methods estimate this.</a:t>
                </a:r>
              </a:p>
              <a:p>
                <a:endParaRPr lang="en-US" dirty="0"/>
              </a:p>
              <a:p>
                <a:r>
                  <a:rPr lang="en-US" dirty="0"/>
                  <a:t>But there are inherent limitations here!</a:t>
                </a:r>
              </a:p>
            </p:txBody>
          </p:sp>
        </mc:Choice>
        <mc:Fallback xmlns="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B03C2174-47F0-CD8E-912B-1C9EFC7D6D3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2927" t="-1714" r="-365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8E4C713-D1CE-664A-6603-1E41ABFEB87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DDEA8E7-5F55-4A60-8EF9-470692FC5635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11F5B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11F5B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pic>
        <p:nvPicPr>
          <p:cNvPr id="1026" name="Picture 2" descr="a blonde woman is talking to another woman and says why are you so obsessed with me">
            <a:extLst>
              <a:ext uri="{FF2B5EF4-FFF2-40B4-BE49-F238E27FC236}">
                <a16:creationId xmlns:a16="http://schemas.microsoft.com/office/drawing/2014/main" id="{D21A966F-13A7-5DB7-7E8B-66FF716BD963}"/>
              </a:ext>
            </a:extLst>
          </p:cNvPr>
          <p:cNvPicPr>
            <a:picLocks noGrp="1" noChangeAspect="1" noChangeArrowheads="1"/>
          </p:cNvPicPr>
          <p:nvPr>
            <p:ph idx="12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29271" y="2249488"/>
            <a:ext cx="5088120" cy="33512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4616177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FF9C0D4-4D27-1B26-D00E-CF4C48C7DE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llenges of Policy Evalu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4BA0936-578F-E714-E623-25C59C54A5E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dirty="0"/>
              <a:t>Can be difficult to isolate policy of interest</a:t>
            </a:r>
          </a:p>
          <a:p>
            <a:pPr marL="571500" lvl="1"/>
            <a:r>
              <a:rPr lang="en-US" sz="2000" dirty="0"/>
              <a:t>“Current events are happening as we speak.”  </a:t>
            </a:r>
            <a:r>
              <a:rPr lang="en-US" sz="1400" dirty="0"/>
              <a:t>- Matt Rogers, </a:t>
            </a:r>
            <a:r>
              <a:rPr lang="en-US" sz="1400" i="1" dirty="0"/>
              <a:t>Las </a:t>
            </a:r>
            <a:r>
              <a:rPr lang="en-US" sz="1400" i="1" dirty="0" err="1"/>
              <a:t>Culturistas</a:t>
            </a:r>
            <a:endParaRPr lang="en-US" sz="20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dirty="0"/>
              <a:t>Confounding by tim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dirty="0"/>
              <a:t>Heterogeneous polici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dirty="0"/>
              <a:t>Small sample siz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5491370-4A7B-522A-F960-6D6CBD26D6C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4F63241D-B9C2-82B6-4C6A-30E869EC55A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079FE836-3452-44A1-BE88-C07B12521272}"/>
              </a:ext>
            </a:extLst>
          </p:cNvPr>
          <p:cNvSpPr txBox="1"/>
          <p:nvPr/>
        </p:nvSpPr>
        <p:spPr>
          <a:xfrm>
            <a:off x="9577704" y="127913"/>
            <a:ext cx="9258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1"/>
                </a:solidFill>
                <a:latin typeface="Architects Daughter" pitchFamily="2" charset="0"/>
              </a:rPr>
              <a:t>Scan for slides</a:t>
            </a:r>
          </a:p>
        </p:txBody>
      </p:sp>
      <p:cxnSp>
        <p:nvCxnSpPr>
          <p:cNvPr id="7" name="Curved Connector 6">
            <a:extLst>
              <a:ext uri="{FF2B5EF4-FFF2-40B4-BE49-F238E27FC236}">
                <a16:creationId xmlns:a16="http://schemas.microsoft.com/office/drawing/2014/main" id="{64AA1560-6C8C-AE99-6B53-969578010325}"/>
              </a:ext>
            </a:extLst>
          </p:cNvPr>
          <p:cNvCxnSpPr>
            <a:cxnSpLocks/>
            <a:stCxn id="6" idx="3"/>
            <a:endCxn id="5" idx="1"/>
          </p:cNvCxnSpPr>
          <p:nvPr/>
        </p:nvCxnSpPr>
        <p:spPr>
          <a:xfrm>
            <a:off x="10503534" y="374135"/>
            <a:ext cx="556891" cy="207584"/>
          </a:xfrm>
          <a:prstGeom prst="curvedConnector3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854904169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3375FB-0931-564A-7049-093730FFF4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s and Cons of the ATT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5E9E4DD9-77D9-E17B-6EBC-4BB091F8ACC2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𝐴𝑇𝑇</m:t>
                      </m:r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𝐸</m:t>
                      </m:r>
                      <m:d>
                        <m:dPr>
                          <m:begChr m:val="["/>
                          <m:endChr m:val="|"/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  <m:d>
                            <m:dPr>
                              <m:ctrlPr>
                                <a:rPr lang="en-US" sz="28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800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e>
                          </m:d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  <m:d>
                            <m:dPr>
                              <m:ctrlPr>
                                <a:rPr lang="en-US" sz="28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800" b="0" i="1" smtClean="0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e>
                          </m:d>
                        </m:e>
                      </m:d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𝐴</m:t>
                      </m:r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=1]</m:t>
                      </m:r>
                    </m:oMath>
                  </m:oMathPara>
                </a14:m>
                <a:endParaRPr lang="en-US" sz="2800" dirty="0"/>
              </a:p>
              <a:p>
                <a:endParaRPr lang="en-US" dirty="0"/>
              </a:p>
              <a:p>
                <a:r>
                  <a:rPr lang="en-US" dirty="0"/>
                  <a:t>The ATT is nice because it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is common, and so easy to communicate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only requires imputing one counterfactual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neatly describes </a:t>
                </a:r>
                <a:r>
                  <a:rPr lang="en-US" i="1" dirty="0"/>
                  <a:t>what happened</a:t>
                </a:r>
              </a:p>
              <a:p>
                <a:r>
                  <a:rPr lang="en-US" dirty="0"/>
                  <a:t>One big problem, though: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The ATT doesn’t necessarily give actionable information to policymakers: it’s inherently </a:t>
                </a:r>
                <a:r>
                  <a:rPr lang="en-US" i="1" dirty="0"/>
                  <a:t>post hoc</a:t>
                </a:r>
                <a:endParaRPr lang="en-US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5E9E4DD9-77D9-E17B-6EBC-4BB091F8ACC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769" r="-141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F55701D-5765-0B24-EAA3-53DBD500C7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DDEA8E7-5F55-4A60-8EF9-470692FC5635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11F5B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11F5B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46423418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998D30D-59C0-0E66-5BBA-FB506F2447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y do we prefer the ATT?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BE7438DE-3904-5357-4A8F-38E44A6EB0E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dirty="0"/>
                  <a:t>The ATE and ATC both require estimating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𝐸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[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𝑌</m:t>
                    </m:r>
                    <m:d>
                      <m:d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e>
                    </m:d>
                    <m:r>
                      <a:rPr lang="en-US" b="0" i="1" smtClean="0">
                        <a:latin typeface="Cambria Math" panose="02040503050406030204" pitchFamily="18" charset="0"/>
                      </a:rPr>
                      <m:t>∣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𝐴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=0]</m:t>
                    </m:r>
                  </m:oMath>
                </a14:m>
                <a:endParaRPr lang="en-US" dirty="0"/>
              </a:p>
              <a:p>
                <a:r>
                  <a:rPr lang="en-US" dirty="0"/>
                  <a:t>This… feels weird! Usual identification assumptions often feel too strong.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But: mismatch between the real question and what we can confidently do</a:t>
                </a:r>
                <a:br>
                  <a:rPr lang="en-US" dirty="0"/>
                </a:br>
                <a:endParaRPr lang="en-US" dirty="0"/>
              </a:p>
              <a:p>
                <a:r>
                  <a:rPr lang="en-US" dirty="0"/>
                  <a:t>We should try to get creative here!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BE7438DE-3904-5357-4A8F-38E44A6EB0E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769" t="-2000" r="-200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9E05C2-EAF1-ED59-44A0-52587383BB7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DDEA8E7-5F55-4A60-8EF9-470692FC5635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11F5B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11F5B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55628881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AE0B1C-7F48-B831-2EF5-C281485750E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B921E752-364C-5585-A73F-EEE17DDF71F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7. Statistical Analysi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76AFCC-0F43-A420-34AD-DA6CB765964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20000" y="4114235"/>
            <a:ext cx="10749600" cy="457200"/>
          </a:xfrm>
        </p:spPr>
        <p:txBody>
          <a:bodyPr/>
          <a:lstStyle/>
          <a:p>
            <a:r>
              <a:rPr lang="en-US" dirty="0"/>
              <a:t>How do we analyze data to answer the question, and under what assumptions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1BAD33F-9CF4-A4B0-F18F-AD5DB9ACAD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2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38934473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5F1FFC4-BB2C-53AF-60C3-E3D3CBCD4C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nalytic Consideration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FEDE9585-2B36-CBA6-6348-E21FB029D48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hypothetical cluster-randomized target trial can use “standard” tools</a:t>
            </a:r>
          </a:p>
          <a:p>
            <a:r>
              <a:rPr lang="en-US" dirty="0"/>
              <a:t>Our non-experimental trial analogue probably can’t, because assignment is confounded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b="1" dirty="0"/>
              <a:t>Goal:</a:t>
            </a:r>
            <a:r>
              <a:rPr lang="en-US" dirty="0"/>
              <a:t> Estimate the estimand with reasonable assumptions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Methods usually use pre-baseline information from exposed &amp; comparison units to extrapolate an estimate of the exposed group’s counterfactual outcomes under no policy.</a:t>
            </a:r>
            <a:endParaRPr lang="en-US" b="1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0701902-9387-C51B-3F39-6BE7B3733E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7048EB2-ABBB-452B-B43B-31E8A7DFB90B}" type="slidenum">
              <a:rPr lang="en-GB" smtClean="0"/>
              <a:pPr/>
              <a:t>4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23725539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D86CB1C-E15D-C32E-34E5-2E25A78CF0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thods Explosion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2F18BFD-2B8E-829D-FBC5-ED1D169DF8E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4</a:t>
            </a:fld>
            <a:endParaRPr lang="en-US" noProof="0"/>
          </a:p>
        </p:txBody>
      </p:sp>
      <p:pic>
        <p:nvPicPr>
          <p:cNvPr id="12" name="Content Placeholder 9" descr="Stack of colorful files">
            <a:extLst>
              <a:ext uri="{FF2B5EF4-FFF2-40B4-BE49-F238E27FC236}">
                <a16:creationId xmlns:a16="http://schemas.microsoft.com/office/drawing/2014/main" id="{36C98CFE-FD27-CE50-6B13-2B671781B5B6}"/>
              </a:ext>
            </a:extLst>
          </p:cNvPr>
          <p:cNvPicPr>
            <a:picLocks noGrp="1" noChangeAspect="1"/>
          </p:cNvPicPr>
          <p:nvPr>
            <p:ph idx="1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75388" y="2463751"/>
            <a:ext cx="5195887" cy="2922686"/>
          </a:xfrm>
        </p:spPr>
      </p:pic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4C23465C-9268-6E61-7D85-46A16DA11A4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re’s an increasingly large class of methods designed for this setting!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b="1" dirty="0"/>
              <a:t>Difference-in-differences</a:t>
            </a:r>
          </a:p>
          <a:p>
            <a:pPr marL="628650" lvl="1" indent="-342900"/>
            <a:r>
              <a:rPr lang="en-US" dirty="0"/>
              <a:t>Two-way fixed effec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b="1" dirty="0"/>
              <a:t>Synthetic controls</a:t>
            </a:r>
          </a:p>
          <a:p>
            <a:pPr marL="628650" lvl="1" indent="-342900"/>
            <a:r>
              <a:rPr lang="en-US" dirty="0"/>
              <a:t>Augmented synthetic control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Event studi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r>
              <a:rPr lang="en-US" dirty="0"/>
              <a:t>Different methods rely on different assumptions: be careful to be reasonable!</a:t>
            </a:r>
          </a:p>
        </p:txBody>
      </p:sp>
    </p:spTree>
    <p:extLst>
      <p:ext uri="{BB962C8B-B14F-4D97-AF65-F5344CB8AC3E}">
        <p14:creationId xmlns:p14="http://schemas.microsoft.com/office/powerpoint/2010/main" val="4290211924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3C3CDBE-288E-7769-3968-5C65766652D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ifference in Differences (</a:t>
            </a:r>
            <a:r>
              <a:rPr lang="en-US" dirty="0" err="1"/>
              <a:t>DiD</a:t>
            </a:r>
            <a:r>
              <a:rPr lang="en-US" dirty="0"/>
              <a:t>)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75AC1E6-0D60-5E3C-CFDE-416B0C65EF6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/>
              <a:t>Big Idea:</a:t>
            </a:r>
            <a:r>
              <a:rPr lang="en-US" dirty="0"/>
              <a:t> Compare change in outcome over time between exposed and comparison groups.</a:t>
            </a:r>
          </a:p>
          <a:p>
            <a:endParaRPr lang="en-US" dirty="0"/>
          </a:p>
          <a:p>
            <a:r>
              <a:rPr lang="en-US" b="1" dirty="0"/>
              <a:t>Key Assumption:</a:t>
            </a:r>
            <a:r>
              <a:rPr lang="en-US" dirty="0"/>
              <a:t> ”Parallel counterfactual trends”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The exposed group’s outcome evolution would have looked like the comparison group’s outcome evolution had the exposed group not been exposed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6FCAEA9-0598-187C-77D6-80DF1BCD47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5</a:t>
            </a:fld>
            <a:endParaRPr lang="en-US" noProof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EFB72082-358E-AED2-AB08-E23EF40B6B5F}"/>
              </a:ext>
            </a:extLst>
          </p:cNvPr>
          <p:cNvPicPr>
            <a:picLocks noGrp="1" noChangeAspect="1"/>
          </p:cNvPicPr>
          <p:nvPr>
            <p:ph idx="12"/>
          </p:nvPr>
        </p:nvPicPr>
        <p:blipFill>
          <a:blip r:embed="rId2"/>
          <a:stretch>
            <a:fillRect/>
          </a:stretch>
        </p:blipFill>
        <p:spPr>
          <a:xfrm>
            <a:off x="6736017" y="1712913"/>
            <a:ext cx="4274629" cy="4424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02262885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D27C9C-16F2-0BFD-2890-41B9E0379B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aggered Adop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5D0B8E2-4226-9C55-5A0C-406639C4527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Not every exposed unit is exposed at the same time!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Staggered program rollout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Policies adopted at different tim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r>
              <a:rPr lang="en-US" dirty="0"/>
              <a:t>This can create </a:t>
            </a:r>
            <a:r>
              <a:rPr lang="en-US" b="1" dirty="0"/>
              <a:t>big</a:t>
            </a:r>
            <a:r>
              <a:rPr lang="en-US" dirty="0"/>
              <a:t> problems with traditional estimation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Traditional approach can be extremely biased if there are time-varying treatment effects under staggered adoption. (Goodman-Bacon 2021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6AB41CF-F669-8C36-B6EB-75287A0CC83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6</a:t>
            </a:fld>
            <a:endParaRPr lang="en-US" noProof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E692BC9-4AC7-B444-BFAC-5104014499BB}"/>
              </a:ext>
            </a:extLst>
          </p:cNvPr>
          <p:cNvSpPr txBox="1"/>
          <p:nvPr/>
        </p:nvSpPr>
        <p:spPr>
          <a:xfrm>
            <a:off x="493668" y="5978900"/>
            <a:ext cx="591296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0"/>
              </a:spcBef>
              <a:spcAft>
                <a:spcPts val="0"/>
              </a:spcAft>
            </a:pPr>
            <a:r>
              <a:rPr lang="en-US" sz="1200" dirty="0">
                <a:solidFill>
                  <a:schemeClr val="accent6">
                    <a:lumMod val="50000"/>
                  </a:schemeClr>
                </a:solidFill>
                <a:latin typeface="DM Sans 14pt" pitchFamily="2" charset="77"/>
              </a:rPr>
              <a:t>Goodman-Bacon A. Difference-in-differences with variation in treatment timing. J Econometrics. 2021 Dec;225(2):254–77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82F0D21C-492A-2BB0-2765-5526CFE9B78D}"/>
              </a:ext>
            </a:extLst>
          </p:cNvPr>
          <p:cNvGrpSpPr/>
          <p:nvPr/>
        </p:nvGrpSpPr>
        <p:grpSpPr>
          <a:xfrm>
            <a:off x="6276002" y="1686234"/>
            <a:ext cx="5036290" cy="4196778"/>
            <a:chOff x="6275999" y="1919139"/>
            <a:chExt cx="5036290" cy="4196778"/>
          </a:xfrm>
        </p:grpSpPr>
        <p:cxnSp>
          <p:nvCxnSpPr>
            <p:cNvPr id="28" name="Straight Arrow Connector 27">
              <a:extLst>
                <a:ext uri="{FF2B5EF4-FFF2-40B4-BE49-F238E27FC236}">
                  <a16:creationId xmlns:a16="http://schemas.microsoft.com/office/drawing/2014/main" id="{62382C42-50F1-7E45-1235-448F2816D3CC}"/>
                </a:ext>
              </a:extLst>
            </p:cNvPr>
            <p:cNvCxnSpPr/>
            <p:nvPr/>
          </p:nvCxnSpPr>
          <p:spPr>
            <a:xfrm>
              <a:off x="6358452" y="2311025"/>
              <a:ext cx="4953837" cy="0"/>
            </a:xfrm>
            <a:prstGeom prst="straightConnector1">
              <a:avLst/>
            </a:prstGeom>
            <a:ln w="76200"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1BC53687-80E0-ADCB-FDE4-6285AA215A03}"/>
                </a:ext>
              </a:extLst>
            </p:cNvPr>
            <p:cNvCxnSpPr/>
            <p:nvPr/>
          </p:nvCxnSpPr>
          <p:spPr>
            <a:xfrm>
              <a:off x="6720192" y="1919139"/>
              <a:ext cx="0" cy="783772"/>
            </a:xfrm>
            <a:prstGeom prst="line">
              <a:avLst/>
            </a:prstGeom>
            <a:ln w="28575">
              <a:solidFill>
                <a:schemeClr val="tx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Arrow Connector 29">
              <a:extLst>
                <a:ext uri="{FF2B5EF4-FFF2-40B4-BE49-F238E27FC236}">
                  <a16:creationId xmlns:a16="http://schemas.microsoft.com/office/drawing/2014/main" id="{E9B31EC5-BF25-FFA9-9A66-3E4D5DDFD59F}"/>
                </a:ext>
              </a:extLst>
            </p:cNvPr>
            <p:cNvCxnSpPr/>
            <p:nvPr/>
          </p:nvCxnSpPr>
          <p:spPr>
            <a:xfrm>
              <a:off x="6358452" y="3769711"/>
              <a:ext cx="4953837" cy="0"/>
            </a:xfrm>
            <a:prstGeom prst="straightConnector1">
              <a:avLst/>
            </a:prstGeom>
            <a:ln w="76200"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E68C73D-0A1A-8577-F7EA-C80A6E9FA0E8}"/>
                </a:ext>
              </a:extLst>
            </p:cNvPr>
            <p:cNvCxnSpPr/>
            <p:nvPr/>
          </p:nvCxnSpPr>
          <p:spPr>
            <a:xfrm>
              <a:off x="7996330" y="3377825"/>
              <a:ext cx="0" cy="783772"/>
            </a:xfrm>
            <a:prstGeom prst="line">
              <a:avLst/>
            </a:prstGeom>
            <a:ln w="28575">
              <a:solidFill>
                <a:schemeClr val="tx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Arrow Connector 31">
              <a:extLst>
                <a:ext uri="{FF2B5EF4-FFF2-40B4-BE49-F238E27FC236}">
                  <a16:creationId xmlns:a16="http://schemas.microsoft.com/office/drawing/2014/main" id="{48429217-01E5-5803-411C-6853A9873A6A}"/>
                </a:ext>
              </a:extLst>
            </p:cNvPr>
            <p:cNvCxnSpPr/>
            <p:nvPr/>
          </p:nvCxnSpPr>
          <p:spPr>
            <a:xfrm>
              <a:off x="6358452" y="5308784"/>
              <a:ext cx="4953837" cy="0"/>
            </a:xfrm>
            <a:prstGeom prst="straightConnector1">
              <a:avLst/>
            </a:prstGeom>
            <a:ln w="76200"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E9356CBA-3EC1-E491-ACCF-6A370E9FC324}"/>
                </a:ext>
              </a:extLst>
            </p:cNvPr>
            <p:cNvCxnSpPr/>
            <p:nvPr/>
          </p:nvCxnSpPr>
          <p:spPr>
            <a:xfrm>
              <a:off x="9135692" y="4916898"/>
              <a:ext cx="0" cy="783772"/>
            </a:xfrm>
            <a:prstGeom prst="line">
              <a:avLst/>
            </a:prstGeom>
            <a:ln w="28575">
              <a:solidFill>
                <a:schemeClr val="tx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F600FD3C-6409-D5A0-32C4-9F1371B3F81E}"/>
                </a:ext>
              </a:extLst>
            </p:cNvPr>
            <p:cNvSpPr txBox="1"/>
            <p:nvPr/>
          </p:nvSpPr>
          <p:spPr>
            <a:xfrm>
              <a:off x="6275999" y="2671298"/>
              <a:ext cx="857927" cy="369332"/>
            </a:xfrm>
            <a:prstGeom prst="rect">
              <a:avLst/>
            </a:prstGeom>
            <a:noFill/>
            <a:ln>
              <a:solidFill>
                <a:schemeClr val="tx2"/>
              </a:solidFill>
            </a:ln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  <a:latin typeface="DM Sans 14pt" pitchFamily="2" charset="77"/>
                </a:rPr>
                <a:t>AZ, CT</a:t>
              </a:r>
            </a:p>
          </p:txBody>
        </p:sp>
        <p:sp>
          <p:nvSpPr>
            <p:cNvPr id="35" name="TextBox 34">
              <a:extLst>
                <a:ext uri="{FF2B5EF4-FFF2-40B4-BE49-F238E27FC236}">
                  <a16:creationId xmlns:a16="http://schemas.microsoft.com/office/drawing/2014/main" id="{99967010-8BD7-BD19-A799-86C9DB367CEB}"/>
                </a:ext>
              </a:extLst>
            </p:cNvPr>
            <p:cNvSpPr txBox="1"/>
            <p:nvPr/>
          </p:nvSpPr>
          <p:spPr>
            <a:xfrm>
              <a:off x="7333435" y="4181192"/>
              <a:ext cx="1301959" cy="369332"/>
            </a:xfrm>
            <a:prstGeom prst="rect">
              <a:avLst/>
            </a:prstGeom>
            <a:noFill/>
            <a:ln>
              <a:solidFill>
                <a:schemeClr val="tx2"/>
              </a:solidFill>
            </a:ln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  <a:latin typeface="DM Sans 14pt" pitchFamily="2" charset="77"/>
                </a:rPr>
                <a:t>AK, CO, DE</a:t>
              </a:r>
            </a:p>
          </p:txBody>
        </p:sp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19DE3E3C-F8EE-2567-F0B6-05CA7CA59670}"/>
                </a:ext>
              </a:extLst>
            </p:cNvPr>
            <p:cNvSpPr txBox="1"/>
            <p:nvPr/>
          </p:nvSpPr>
          <p:spPr>
            <a:xfrm>
              <a:off x="8713941" y="5746585"/>
              <a:ext cx="830677" cy="369332"/>
            </a:xfrm>
            <a:prstGeom prst="rect">
              <a:avLst/>
            </a:prstGeom>
            <a:noFill/>
            <a:ln>
              <a:solidFill>
                <a:schemeClr val="tx2"/>
              </a:solidFill>
            </a:ln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  <a:latin typeface="DM Sans 14pt" pitchFamily="2" charset="77"/>
                </a:rPr>
                <a:t>AL, PA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285845507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2635F7-229E-3A7E-E8DD-10219656D0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ew Methods Handle Staggered Adop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93DBA63-1F62-8E23-2956-341ECA6AFA6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/>
              <a:t>One</a:t>
            </a:r>
            <a:r>
              <a:rPr lang="en-US" dirty="0"/>
              <a:t> common solution: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Group units treated at the same time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Estimate “group-time” effects for each such group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Aggregate group-time effects to estimate quantities of interes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529A766-AC8A-B648-79F1-60FEEB7195D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7</a:t>
            </a:fld>
            <a:endParaRPr lang="en-US" noProof="0"/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9DAA3F9D-673E-4D63-880F-0388743425DE}"/>
              </a:ext>
            </a:extLst>
          </p:cNvPr>
          <p:cNvGrpSpPr/>
          <p:nvPr/>
        </p:nvGrpSpPr>
        <p:grpSpPr>
          <a:xfrm>
            <a:off x="6276002" y="1686234"/>
            <a:ext cx="5036290" cy="4196778"/>
            <a:chOff x="6275999" y="1919139"/>
            <a:chExt cx="5036290" cy="4196778"/>
          </a:xfrm>
        </p:grpSpPr>
        <p:cxnSp>
          <p:nvCxnSpPr>
            <p:cNvPr id="27" name="Straight Arrow Connector 26">
              <a:extLst>
                <a:ext uri="{FF2B5EF4-FFF2-40B4-BE49-F238E27FC236}">
                  <a16:creationId xmlns:a16="http://schemas.microsoft.com/office/drawing/2014/main" id="{85623D8E-D554-FDC2-19CD-780715E5887E}"/>
                </a:ext>
              </a:extLst>
            </p:cNvPr>
            <p:cNvCxnSpPr/>
            <p:nvPr/>
          </p:nvCxnSpPr>
          <p:spPr>
            <a:xfrm>
              <a:off x="6358452" y="2311025"/>
              <a:ext cx="4953837" cy="0"/>
            </a:xfrm>
            <a:prstGeom prst="straightConnector1">
              <a:avLst/>
            </a:prstGeom>
            <a:ln w="76200"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C94079F0-2429-2CF6-CD20-B2D9041CA0B0}"/>
                </a:ext>
              </a:extLst>
            </p:cNvPr>
            <p:cNvCxnSpPr/>
            <p:nvPr/>
          </p:nvCxnSpPr>
          <p:spPr>
            <a:xfrm>
              <a:off x="6720192" y="1919139"/>
              <a:ext cx="0" cy="783772"/>
            </a:xfrm>
            <a:prstGeom prst="line">
              <a:avLst/>
            </a:prstGeom>
            <a:ln w="28575">
              <a:solidFill>
                <a:schemeClr val="tx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Arrow Connector 28">
              <a:extLst>
                <a:ext uri="{FF2B5EF4-FFF2-40B4-BE49-F238E27FC236}">
                  <a16:creationId xmlns:a16="http://schemas.microsoft.com/office/drawing/2014/main" id="{23D702F0-9025-FD5B-D81E-EE70F4B081DB}"/>
                </a:ext>
              </a:extLst>
            </p:cNvPr>
            <p:cNvCxnSpPr/>
            <p:nvPr/>
          </p:nvCxnSpPr>
          <p:spPr>
            <a:xfrm>
              <a:off x="6358452" y="3769711"/>
              <a:ext cx="4953837" cy="0"/>
            </a:xfrm>
            <a:prstGeom prst="straightConnector1">
              <a:avLst/>
            </a:prstGeom>
            <a:ln w="76200"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94E1A53C-CFA3-4D83-C8AF-DEC6219CDE6A}"/>
                </a:ext>
              </a:extLst>
            </p:cNvPr>
            <p:cNvCxnSpPr/>
            <p:nvPr/>
          </p:nvCxnSpPr>
          <p:spPr>
            <a:xfrm>
              <a:off x="7996330" y="3377825"/>
              <a:ext cx="0" cy="783772"/>
            </a:xfrm>
            <a:prstGeom prst="line">
              <a:avLst/>
            </a:prstGeom>
            <a:ln w="28575">
              <a:solidFill>
                <a:schemeClr val="tx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Arrow Connector 30">
              <a:extLst>
                <a:ext uri="{FF2B5EF4-FFF2-40B4-BE49-F238E27FC236}">
                  <a16:creationId xmlns:a16="http://schemas.microsoft.com/office/drawing/2014/main" id="{78DF46FA-403F-2DD7-7C4D-6C09C9A346A6}"/>
                </a:ext>
              </a:extLst>
            </p:cNvPr>
            <p:cNvCxnSpPr/>
            <p:nvPr/>
          </p:nvCxnSpPr>
          <p:spPr>
            <a:xfrm>
              <a:off x="6358452" y="5308784"/>
              <a:ext cx="4953837" cy="0"/>
            </a:xfrm>
            <a:prstGeom prst="straightConnector1">
              <a:avLst/>
            </a:prstGeom>
            <a:ln w="76200"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6F09C594-B029-7681-ECF0-F85D6A8FB0C4}"/>
                </a:ext>
              </a:extLst>
            </p:cNvPr>
            <p:cNvCxnSpPr/>
            <p:nvPr/>
          </p:nvCxnSpPr>
          <p:spPr>
            <a:xfrm>
              <a:off x="9135692" y="4916898"/>
              <a:ext cx="0" cy="783772"/>
            </a:xfrm>
            <a:prstGeom prst="line">
              <a:avLst/>
            </a:prstGeom>
            <a:ln w="28575">
              <a:solidFill>
                <a:schemeClr val="tx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868AF1B4-FCAE-0B9E-0310-BD7730112278}"/>
                </a:ext>
              </a:extLst>
            </p:cNvPr>
            <p:cNvSpPr txBox="1"/>
            <p:nvPr/>
          </p:nvSpPr>
          <p:spPr>
            <a:xfrm>
              <a:off x="6275999" y="2671298"/>
              <a:ext cx="857927" cy="369332"/>
            </a:xfrm>
            <a:prstGeom prst="rect">
              <a:avLst/>
            </a:prstGeom>
            <a:noFill/>
            <a:ln>
              <a:solidFill>
                <a:schemeClr val="tx2"/>
              </a:solidFill>
            </a:ln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  <a:latin typeface="DM Sans 14pt" pitchFamily="2" charset="77"/>
                </a:rPr>
                <a:t>AZ, CT</a:t>
              </a:r>
            </a:p>
          </p:txBody>
        </p: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CD273CA3-C0FD-2EAB-B0DB-6302C8E07AA2}"/>
                </a:ext>
              </a:extLst>
            </p:cNvPr>
            <p:cNvSpPr txBox="1"/>
            <p:nvPr/>
          </p:nvSpPr>
          <p:spPr>
            <a:xfrm>
              <a:off x="7333435" y="4181192"/>
              <a:ext cx="1301959" cy="369332"/>
            </a:xfrm>
            <a:prstGeom prst="rect">
              <a:avLst/>
            </a:prstGeom>
            <a:noFill/>
            <a:ln>
              <a:solidFill>
                <a:schemeClr val="tx2"/>
              </a:solidFill>
            </a:ln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  <a:latin typeface="DM Sans 14pt" pitchFamily="2" charset="77"/>
                </a:rPr>
                <a:t>AK, CO, DE</a:t>
              </a:r>
            </a:p>
          </p:txBody>
        </p:sp>
        <p:sp>
          <p:nvSpPr>
            <p:cNvPr id="35" name="TextBox 34">
              <a:extLst>
                <a:ext uri="{FF2B5EF4-FFF2-40B4-BE49-F238E27FC236}">
                  <a16:creationId xmlns:a16="http://schemas.microsoft.com/office/drawing/2014/main" id="{4EF21085-3ABB-71E4-573D-8585C13DF913}"/>
                </a:ext>
              </a:extLst>
            </p:cNvPr>
            <p:cNvSpPr txBox="1"/>
            <p:nvPr/>
          </p:nvSpPr>
          <p:spPr>
            <a:xfrm>
              <a:off x="8713941" y="5746585"/>
              <a:ext cx="830677" cy="369332"/>
            </a:xfrm>
            <a:prstGeom prst="rect">
              <a:avLst/>
            </a:prstGeom>
            <a:noFill/>
            <a:ln>
              <a:solidFill>
                <a:schemeClr val="tx2"/>
              </a:solidFill>
            </a:ln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  <a:latin typeface="DM Sans 14pt" pitchFamily="2" charset="77"/>
                </a:rPr>
                <a:t>AL, PA</a:t>
              </a:r>
            </a:p>
          </p:txBody>
        </p:sp>
      </p:grpSp>
      <p:sp>
        <p:nvSpPr>
          <p:cNvPr id="36" name="TextBox 35">
            <a:extLst>
              <a:ext uri="{FF2B5EF4-FFF2-40B4-BE49-F238E27FC236}">
                <a16:creationId xmlns:a16="http://schemas.microsoft.com/office/drawing/2014/main" id="{B8B9A1D6-1AC7-1F69-BA5D-198C93F7DE35}"/>
              </a:ext>
            </a:extLst>
          </p:cNvPr>
          <p:cNvSpPr txBox="1"/>
          <p:nvPr/>
        </p:nvSpPr>
        <p:spPr>
          <a:xfrm>
            <a:off x="493668" y="5978900"/>
            <a:ext cx="5971526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0"/>
              </a:spcBef>
              <a:spcAft>
                <a:spcPts val="0"/>
              </a:spcAft>
            </a:pPr>
            <a:r>
              <a:rPr lang="en-US" sz="1200" dirty="0">
                <a:solidFill>
                  <a:schemeClr val="accent6">
                    <a:lumMod val="50000"/>
                  </a:schemeClr>
                </a:solidFill>
                <a:effectLst/>
                <a:latin typeface="DM Sans 14pt" pitchFamily="2" charset="77"/>
              </a:rPr>
              <a:t>Callaway B, </a:t>
            </a:r>
            <a:r>
              <a:rPr lang="en-US" sz="1200" dirty="0" err="1">
                <a:solidFill>
                  <a:schemeClr val="accent6">
                    <a:lumMod val="50000"/>
                  </a:schemeClr>
                </a:solidFill>
                <a:effectLst/>
                <a:latin typeface="DM Sans 14pt" pitchFamily="2" charset="77"/>
              </a:rPr>
              <a:t>Sant’Anna</a:t>
            </a:r>
            <a:r>
              <a:rPr lang="en-US" sz="1200" dirty="0">
                <a:solidFill>
                  <a:schemeClr val="accent6">
                    <a:lumMod val="50000"/>
                  </a:schemeClr>
                </a:solidFill>
                <a:effectLst/>
                <a:latin typeface="DM Sans 14pt" pitchFamily="2" charset="77"/>
              </a:rPr>
              <a:t> PHC. Difference-in-Differences with multiple time periods. J Econometrics. 2021;225(2):200–30.</a:t>
            </a:r>
          </a:p>
        </p:txBody>
      </p:sp>
    </p:spTree>
    <p:extLst>
      <p:ext uri="{BB962C8B-B14F-4D97-AF65-F5344CB8AC3E}">
        <p14:creationId xmlns:p14="http://schemas.microsoft.com/office/powerpoint/2010/main" val="2970851307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A21473-DC0B-CB0C-37C6-3B9B15B7EF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ynthetic Control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2D8D317-6503-E517-109E-86AF9891C9F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/>
              <a:t>Big Idea: </a:t>
            </a:r>
            <a:r>
              <a:rPr lang="en-US" dirty="0"/>
              <a:t>Construct a weighted combination of non-implementing units that mimics the outcome trajectory of each implementing unit in the pre-policy period.</a:t>
            </a:r>
          </a:p>
          <a:p>
            <a:r>
              <a:rPr lang="en-US" b="1" dirty="0"/>
              <a:t>Then, </a:t>
            </a:r>
            <a:r>
              <a:rPr lang="en-US" dirty="0"/>
              <a:t>extrapolate that combination forward to estimate the counterfactual for the exposed unit under no policy.</a:t>
            </a:r>
          </a:p>
          <a:p>
            <a:endParaRPr lang="en-US" b="1" dirty="0"/>
          </a:p>
          <a:p>
            <a:r>
              <a:rPr lang="en-US" dirty="0"/>
              <a:t>A useful variant is </a:t>
            </a:r>
            <a:r>
              <a:rPr lang="en-US" b="1" dirty="0"/>
              <a:t>augmented synthetic controls</a:t>
            </a:r>
            <a:r>
              <a:rPr lang="en-US" dirty="0"/>
              <a:t>, which incorporates covariates to get better pre-treatment fit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1E5BBE-6123-F5E0-0110-913E2322AA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8</a:t>
            </a:fld>
            <a:endParaRPr lang="en-US" noProof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2B12B96-5047-A62E-C14C-862D70106C7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514" t="11741" r="6808" b="15634"/>
          <a:stretch/>
        </p:blipFill>
        <p:spPr>
          <a:xfrm>
            <a:off x="6332521" y="1602624"/>
            <a:ext cx="5483242" cy="3652752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2B85223A-9D60-F49F-05CF-65EA7C861D8B}"/>
              </a:ext>
            </a:extLst>
          </p:cNvPr>
          <p:cNvSpPr txBox="1"/>
          <p:nvPr/>
        </p:nvSpPr>
        <p:spPr>
          <a:xfrm>
            <a:off x="493668" y="5979403"/>
            <a:ext cx="5782334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solidFill>
                  <a:schemeClr val="accent4"/>
                </a:solidFill>
                <a:effectLst/>
                <a:latin typeface="DM Sans 14pt" pitchFamily="2" charset="77"/>
              </a:rPr>
              <a:t>Ben-Michael E, Feller A, Rothstein J. The Augmented Synthetic Control Method. </a:t>
            </a:r>
            <a:r>
              <a:rPr lang="en-US" sz="1200" i="1" dirty="0">
                <a:solidFill>
                  <a:schemeClr val="accent4"/>
                </a:solidFill>
                <a:effectLst/>
                <a:latin typeface="DM Sans 14pt" pitchFamily="2" charset="77"/>
              </a:rPr>
              <a:t>J Am Stat Assoc</a:t>
            </a:r>
            <a:r>
              <a:rPr lang="en-US" sz="1200" dirty="0">
                <a:solidFill>
                  <a:schemeClr val="accent4"/>
                </a:solidFill>
                <a:effectLst/>
                <a:latin typeface="DM Sans 14pt" pitchFamily="2" charset="77"/>
              </a:rPr>
              <a:t> 2021;</a:t>
            </a:r>
            <a:r>
              <a:rPr lang="en-US" sz="1200" b="1" dirty="0">
                <a:solidFill>
                  <a:schemeClr val="accent4"/>
                </a:solidFill>
                <a:effectLst/>
                <a:latin typeface="DM Sans 14pt" pitchFamily="2" charset="77"/>
              </a:rPr>
              <a:t>116</a:t>
            </a:r>
            <a:r>
              <a:rPr lang="en-US" sz="1200" dirty="0">
                <a:solidFill>
                  <a:schemeClr val="accent4"/>
                </a:solidFill>
                <a:effectLst/>
                <a:latin typeface="DM Sans 14pt" pitchFamily="2" charset="77"/>
              </a:rPr>
              <a:t>:1789–803. </a:t>
            </a:r>
          </a:p>
        </p:txBody>
      </p:sp>
    </p:spTree>
    <p:extLst>
      <p:ext uri="{BB962C8B-B14F-4D97-AF65-F5344CB8AC3E}">
        <p14:creationId xmlns:p14="http://schemas.microsoft.com/office/powerpoint/2010/main" val="707044219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2D1F6ED-A4E2-85CB-CFA4-382068D2BC1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F485BB9-096D-E72D-97BD-2EEC3FA50B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iscuss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C6C8503-FA8A-6C9F-A823-D655B545FC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9</a:t>
            </a:fld>
            <a:endParaRPr lang="en-US" noProof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C69F1AA-7ECD-0E6F-209A-E2DF4863018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9904298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B0A6304-1359-7CFA-580C-01B80B3772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ome More Fram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ECB388-E54A-B901-9350-65036570DCB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searchers often start with a data structure and let everything flow out of that. That is… not great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5973CA2-2925-24C2-41F9-1B511F93FB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5</a:t>
            </a:fld>
            <a:endParaRPr lang="en-US" noProof="0"/>
          </a:p>
        </p:txBody>
      </p:sp>
      <p:grpSp>
        <p:nvGrpSpPr>
          <p:cNvPr id="19" name="Group 18">
            <a:extLst>
              <a:ext uri="{FF2B5EF4-FFF2-40B4-BE49-F238E27FC236}">
                <a16:creationId xmlns:a16="http://schemas.microsoft.com/office/drawing/2014/main" id="{08954663-6954-8E1E-FF96-D269825C8C02}"/>
              </a:ext>
            </a:extLst>
          </p:cNvPr>
          <p:cNvGrpSpPr/>
          <p:nvPr/>
        </p:nvGrpSpPr>
        <p:grpSpPr>
          <a:xfrm>
            <a:off x="1402923" y="2432649"/>
            <a:ext cx="2908419" cy="3304947"/>
            <a:chOff x="1402923" y="2432649"/>
            <a:chExt cx="2908419" cy="3304947"/>
          </a:xfrm>
        </p:grpSpPr>
        <p:pic>
          <p:nvPicPr>
            <p:cNvPr id="7" name="Graphic 6" descr="Packing Box Open outline">
              <a:extLst>
                <a:ext uri="{FF2B5EF4-FFF2-40B4-BE49-F238E27FC236}">
                  <a16:creationId xmlns:a16="http://schemas.microsoft.com/office/drawing/2014/main" id="{F0036A83-FD3D-7EE1-0CBB-8805C8CF924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1402923" y="2432649"/>
              <a:ext cx="2908419" cy="2908419"/>
            </a:xfrm>
            <a:prstGeom prst="rect">
              <a:avLst/>
            </a:prstGeom>
          </p:spPr>
        </p:pic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3427C797-EE2B-A924-0E38-8382960F401D}"/>
                </a:ext>
              </a:extLst>
            </p:cNvPr>
            <p:cNvSpPr txBox="1"/>
            <p:nvPr/>
          </p:nvSpPr>
          <p:spPr>
            <a:xfrm>
              <a:off x="1752950" y="5368264"/>
              <a:ext cx="2208363" cy="36933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2400" dirty="0">
                  <a:solidFill>
                    <a:schemeClr val="accent1"/>
                  </a:solidFill>
                  <a:latin typeface="DM Sans 14pt" pitchFamily="2" charset="77"/>
                </a:rPr>
                <a:t>Data Structure</a:t>
              </a:r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FB838960-DEE0-B45E-02FA-7B711ED4A791}"/>
              </a:ext>
            </a:extLst>
          </p:cNvPr>
          <p:cNvGrpSpPr/>
          <p:nvPr/>
        </p:nvGrpSpPr>
        <p:grpSpPr>
          <a:xfrm>
            <a:off x="9603127" y="3327532"/>
            <a:ext cx="1685026" cy="1666306"/>
            <a:chOff x="6024113" y="3370923"/>
            <a:chExt cx="1685026" cy="1666306"/>
          </a:xfrm>
        </p:grpSpPr>
        <p:pic>
          <p:nvPicPr>
            <p:cNvPr id="12" name="Graphic 11" descr="Badge Question Mark with solid fill">
              <a:extLst>
                <a:ext uri="{FF2B5EF4-FFF2-40B4-BE49-F238E27FC236}">
                  <a16:creationId xmlns:a16="http://schemas.microsoft.com/office/drawing/2014/main" id="{C0512757-9DA6-6D10-D4AB-21216A5F2334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6407209" y="3370923"/>
              <a:ext cx="914400" cy="914400"/>
            </a:xfrm>
            <a:prstGeom prst="rect">
              <a:avLst/>
            </a:prstGeom>
          </p:spPr>
        </p:pic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6BD4CF97-5429-F49C-29D7-72923ACDD392}"/>
                </a:ext>
              </a:extLst>
            </p:cNvPr>
            <p:cNvSpPr txBox="1"/>
            <p:nvPr/>
          </p:nvSpPr>
          <p:spPr>
            <a:xfrm>
              <a:off x="6024113" y="4298565"/>
              <a:ext cx="1685026" cy="73866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2400" dirty="0">
                  <a:solidFill>
                    <a:schemeClr val="accent1"/>
                  </a:solidFill>
                  <a:latin typeface="DM Sans 14pt" pitchFamily="2" charset="77"/>
                </a:rPr>
                <a:t>Scientific Question</a:t>
              </a:r>
            </a:p>
          </p:txBody>
        </p:sp>
      </p:grpSp>
      <p:grpSp>
        <p:nvGrpSpPr>
          <p:cNvPr id="18" name="Group 17">
            <a:extLst>
              <a:ext uri="{FF2B5EF4-FFF2-40B4-BE49-F238E27FC236}">
                <a16:creationId xmlns:a16="http://schemas.microsoft.com/office/drawing/2014/main" id="{5EEA85C9-BA85-467D-7DE7-850283BC2C42}"/>
              </a:ext>
            </a:extLst>
          </p:cNvPr>
          <p:cNvGrpSpPr/>
          <p:nvPr/>
        </p:nvGrpSpPr>
        <p:grpSpPr>
          <a:xfrm>
            <a:off x="6381659" y="5232905"/>
            <a:ext cx="1685026" cy="1208163"/>
            <a:chOff x="9041020" y="910679"/>
            <a:chExt cx="1685026" cy="1208163"/>
          </a:xfrm>
        </p:grpSpPr>
        <p:pic>
          <p:nvPicPr>
            <p:cNvPr id="10" name="Graphic 9" descr="Abacus outline">
              <a:extLst>
                <a:ext uri="{FF2B5EF4-FFF2-40B4-BE49-F238E27FC236}">
                  <a16:creationId xmlns:a16="http://schemas.microsoft.com/office/drawing/2014/main" id="{F7B16DBC-CD9F-F6F3-6860-09E9A5B077F1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9426333" y="910679"/>
              <a:ext cx="914400" cy="914400"/>
            </a:xfrm>
            <a:prstGeom prst="rect">
              <a:avLst/>
            </a:prstGeom>
          </p:spPr>
        </p:pic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DDC8FA10-946D-9235-CEB1-AD973BCBC671}"/>
                </a:ext>
              </a:extLst>
            </p:cNvPr>
            <p:cNvSpPr txBox="1"/>
            <p:nvPr/>
          </p:nvSpPr>
          <p:spPr>
            <a:xfrm>
              <a:off x="9041020" y="1749510"/>
              <a:ext cx="1685026" cy="36933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2400" dirty="0">
                  <a:solidFill>
                    <a:schemeClr val="accent1"/>
                  </a:solidFill>
                  <a:latin typeface="DM Sans 14pt" pitchFamily="2" charset="77"/>
                </a:rPr>
                <a:t>Method</a:t>
              </a:r>
            </a:p>
          </p:txBody>
        </p:sp>
      </p:grpSp>
      <p:grpSp>
        <p:nvGrpSpPr>
          <p:cNvPr id="23" name="Group 22">
            <a:extLst>
              <a:ext uri="{FF2B5EF4-FFF2-40B4-BE49-F238E27FC236}">
                <a16:creationId xmlns:a16="http://schemas.microsoft.com/office/drawing/2014/main" id="{B0DFA613-FD86-9E82-1FAC-6B0857880A73}"/>
              </a:ext>
            </a:extLst>
          </p:cNvPr>
          <p:cNvGrpSpPr/>
          <p:nvPr/>
        </p:nvGrpSpPr>
        <p:grpSpPr>
          <a:xfrm>
            <a:off x="7224172" y="2738243"/>
            <a:ext cx="1685026" cy="1634309"/>
            <a:chOff x="5385575" y="2971799"/>
            <a:chExt cx="1685026" cy="1634309"/>
          </a:xfrm>
        </p:grpSpPr>
        <p:pic>
          <p:nvPicPr>
            <p:cNvPr id="21" name="Graphic 20" descr="Group of people with solid fill">
              <a:extLst>
                <a:ext uri="{FF2B5EF4-FFF2-40B4-BE49-F238E27FC236}">
                  <a16:creationId xmlns:a16="http://schemas.microsoft.com/office/drawing/2014/main" id="{8A0E3005-6C8F-52B7-9CD7-99F9225247B5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5638799" y="2971799"/>
              <a:ext cx="1178579" cy="1178579"/>
            </a:xfrm>
            <a:prstGeom prst="rect">
              <a:avLst/>
            </a:prstGeom>
          </p:spPr>
        </p:pic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1807DA88-35C2-007E-C30B-2BB724FF4368}"/>
                </a:ext>
              </a:extLst>
            </p:cNvPr>
            <p:cNvSpPr txBox="1"/>
            <p:nvPr/>
          </p:nvSpPr>
          <p:spPr>
            <a:xfrm>
              <a:off x="5385575" y="4236776"/>
              <a:ext cx="1685026" cy="36933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2400" dirty="0">
                  <a:solidFill>
                    <a:schemeClr val="accent1"/>
                  </a:solidFill>
                  <a:latin typeface="DM Sans 14pt" pitchFamily="2" charset="77"/>
                </a:rPr>
                <a:t>Population</a:t>
              </a:r>
            </a:p>
          </p:txBody>
        </p:sp>
      </p:grpSp>
      <p:pic>
        <p:nvPicPr>
          <p:cNvPr id="26" name="Content Placeholder 10">
            <a:extLst>
              <a:ext uri="{FF2B5EF4-FFF2-40B4-BE49-F238E27FC236}">
                <a16:creationId xmlns:a16="http://schemas.microsoft.com/office/drawing/2014/main" id="{8CDAAABD-8437-83D3-DADA-E9A78B3ECB1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4674304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25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0" presetClass="path" presetSubtype="0" accel="50000" decel="5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0.35248 -0.32176 C -0.36459 -0.40162 -0.37669 -0.48149 -0.35248 -0.51551 C -0.32813 -0.54954 -0.25951 -0.59977 -0.20664 -0.5257 C -0.15391 -0.45139 -0.09466 -0.26088 -0.03542 -0.07014 " pathEditMode="relative" rAng="0" ptsTypes="AAAA">
                                      <p:cBhvr>
                                        <p:cTn id="9" dur="20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5143" y="463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25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5" presetID="0" presetClass="path" presetSubtype="0" accel="50000" decel="5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0.42253 0.0125 C -0.46498 -0.0632 -0.50742 -0.13889 -0.43945 -0.14607 C -0.37162 -0.15324 -0.08255 -0.04375 -0.01485 -0.03033 " pathEditMode="relative" ptsTypes="AAA">
                                      <p:cBhvr>
                                        <p:cTn id="16" dur="20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25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0" presetClass="path" presetSubtype="0" accel="50000" decel="5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0.61614 -0.07615 C -0.58958 -0.11342 -0.56289 -0.15069 -0.46198 -0.14143 C -0.36107 -0.13217 -0.18581 -0.07639 -0.01055 -0.0206 " pathEditMode="relative" ptsTypes="AAA">
                                      <p:cBhvr>
                                        <p:cTn id="23" dur="2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BF121076-10BA-F64D-4DE2-D6476F35CB1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ood study design is critic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E50384-EE58-432C-117B-DD8A4010AFC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7048EB2-ABBB-452B-B43B-31E8A7DFB90B}" type="slidenum">
              <a:rPr lang="en-GB" smtClean="0"/>
              <a:pPr/>
              <a:t>50</a:t>
            </a:fld>
            <a:endParaRPr lang="en-GB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DE3B9F01-92FD-504E-2A04-1ABB1C2FDD0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Policy trial emulation provides a framework for thinking about good policy evaluation study design</a:t>
            </a:r>
          </a:p>
          <a:p>
            <a:pPr lvl="1"/>
            <a:r>
              <a:rPr lang="en-US" dirty="0"/>
              <a:t>Think about the trial you would run if you could, then try to get as close as possible.</a:t>
            </a:r>
          </a:p>
          <a:p>
            <a:r>
              <a:rPr lang="en-US" dirty="0"/>
              <a:t>Closer alignment between hypothetical target trial and non-experimental analogue improves communication</a:t>
            </a:r>
          </a:p>
          <a:p>
            <a:pPr lvl="1"/>
            <a:r>
              <a:rPr lang="en-US" dirty="0"/>
              <a:t>Clearly articulate similarities &amp; differences across all 7 components</a:t>
            </a:r>
          </a:p>
          <a:p>
            <a:pPr lvl="2"/>
            <a:r>
              <a:rPr lang="en-US" dirty="0"/>
              <a:t>Use a table to compare target trial &amp; emulation (Seewald, et al. 2024)</a:t>
            </a:r>
          </a:p>
          <a:p>
            <a:pPr lvl="1"/>
            <a:r>
              <a:rPr lang="en-US" dirty="0"/>
              <a:t>Helps readers understand design better &amp; calibrate confidence in result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F423E9A-BDCD-825C-9EA4-D6C927FDBD74}"/>
              </a:ext>
            </a:extLst>
          </p:cNvPr>
          <p:cNvSpPr txBox="1"/>
          <p:nvPr/>
        </p:nvSpPr>
        <p:spPr>
          <a:xfrm>
            <a:off x="493668" y="5845610"/>
            <a:ext cx="6198962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Seewald NJ, McGinty EE, Stuart EA. Target Trial Emulation for Evaluating Health Policy. </a:t>
            </a:r>
            <a:r>
              <a:rPr lang="en-US" sz="1600" i="1" dirty="0">
                <a:solidFill>
                  <a:schemeClr val="accent4"/>
                </a:solidFill>
                <a:effectLst/>
                <a:latin typeface="DM Sans 14pt" pitchFamily="2" charset="77"/>
              </a:rPr>
              <a:t>Ann Intern Med</a:t>
            </a:r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 2024. </a:t>
            </a:r>
          </a:p>
        </p:txBody>
      </p:sp>
      <p:pic>
        <p:nvPicPr>
          <p:cNvPr id="2" name="Content Placeholder 10">
            <a:extLst>
              <a:ext uri="{FF2B5EF4-FFF2-40B4-BE49-F238E27FC236}">
                <a16:creationId xmlns:a16="http://schemas.microsoft.com/office/drawing/2014/main" id="{5FD74810-C67B-DEEF-8D25-79CC1121D82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6308F948-F62B-0ED5-0C81-DDECD7EE89DD}"/>
              </a:ext>
            </a:extLst>
          </p:cNvPr>
          <p:cNvSpPr txBox="1"/>
          <p:nvPr/>
        </p:nvSpPr>
        <p:spPr>
          <a:xfrm>
            <a:off x="9577704" y="127913"/>
            <a:ext cx="9258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1"/>
                </a:solidFill>
                <a:latin typeface="Architects Daughter" pitchFamily="2" charset="0"/>
              </a:rPr>
              <a:t>Scan for slides</a:t>
            </a:r>
          </a:p>
        </p:txBody>
      </p:sp>
      <p:cxnSp>
        <p:nvCxnSpPr>
          <p:cNvPr id="8" name="Curved Connector 7">
            <a:extLst>
              <a:ext uri="{FF2B5EF4-FFF2-40B4-BE49-F238E27FC236}">
                <a16:creationId xmlns:a16="http://schemas.microsoft.com/office/drawing/2014/main" id="{4C270242-A9D5-CC3A-A740-7C7B08414A2A}"/>
              </a:ext>
            </a:extLst>
          </p:cNvPr>
          <p:cNvCxnSpPr>
            <a:cxnSpLocks/>
            <a:stCxn id="6" idx="3"/>
            <a:endCxn id="2" idx="1"/>
          </p:cNvCxnSpPr>
          <p:nvPr/>
        </p:nvCxnSpPr>
        <p:spPr>
          <a:xfrm>
            <a:off x="10503534" y="374135"/>
            <a:ext cx="556891" cy="207584"/>
          </a:xfrm>
          <a:prstGeom prst="curvedConnector3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596643729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FE26C6A-13B2-8655-CB2F-84B388BC8E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ood study design is not magic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EE8E317-70F9-977A-8C85-57A47ABDE84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Policy trial emulation does not guarantee quality.</a:t>
            </a:r>
          </a:p>
          <a:p>
            <a:pPr lvl="1"/>
            <a:r>
              <a:rPr lang="en-US" dirty="0"/>
              <a:t>An emulated trial is not a trial.</a:t>
            </a:r>
          </a:p>
          <a:p>
            <a:pPr lvl="1"/>
            <a:r>
              <a:rPr lang="en-US" dirty="0"/>
              <a:t>Calling something “trial emulation” doesn’t mean the trial was emulated well.</a:t>
            </a:r>
          </a:p>
          <a:p>
            <a:r>
              <a:rPr lang="en-US" dirty="0"/>
              <a:t>There will always be trade-off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F1047D-BF91-B051-16A0-3467033BEF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51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92D4AD9E-971F-2BFC-D657-D0AD97E2B4E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234437FE-0DE4-0468-3336-4D5160671878}"/>
              </a:ext>
            </a:extLst>
          </p:cNvPr>
          <p:cNvSpPr txBox="1"/>
          <p:nvPr/>
        </p:nvSpPr>
        <p:spPr>
          <a:xfrm>
            <a:off x="9577704" y="127913"/>
            <a:ext cx="9258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1"/>
                </a:solidFill>
                <a:latin typeface="Architects Daughter" pitchFamily="2" charset="0"/>
              </a:rPr>
              <a:t>Scan for slides</a:t>
            </a:r>
          </a:p>
        </p:txBody>
      </p:sp>
      <p:cxnSp>
        <p:nvCxnSpPr>
          <p:cNvPr id="7" name="Curved Connector 6">
            <a:extLst>
              <a:ext uri="{FF2B5EF4-FFF2-40B4-BE49-F238E27FC236}">
                <a16:creationId xmlns:a16="http://schemas.microsoft.com/office/drawing/2014/main" id="{BAFE1269-AAD4-C3EE-6F2A-060F7576F8E3}"/>
              </a:ext>
            </a:extLst>
          </p:cNvPr>
          <p:cNvCxnSpPr>
            <a:cxnSpLocks/>
            <a:stCxn id="6" idx="3"/>
            <a:endCxn id="5" idx="1"/>
          </p:cNvCxnSpPr>
          <p:nvPr/>
        </p:nvCxnSpPr>
        <p:spPr>
          <a:xfrm>
            <a:off x="10503534" y="374135"/>
            <a:ext cx="556891" cy="207584"/>
          </a:xfrm>
          <a:prstGeom prst="curvedConnector3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00036051"/>
      </p:ext>
    </p:extLst>
  </p:cSld>
  <p:clrMapOvr>
    <a:masterClrMapping/>
  </p:clrMapOvr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07581B-7A2B-B90F-086C-9ADD6E5604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444843"/>
            <a:ext cx="10753724" cy="1182357"/>
          </a:xfrm>
        </p:spPr>
        <p:txBody>
          <a:bodyPr/>
          <a:lstStyle/>
          <a:p>
            <a:r>
              <a:rPr lang="en-US" dirty="0"/>
              <a:t>Statistical tools for high-quality policy evaluation are available and accessib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55DD10D-3484-7EAD-E517-8F7FC7916DD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Lots of methods innovation across disciplines – join us!</a:t>
            </a:r>
          </a:p>
          <a:p>
            <a:r>
              <a:rPr lang="en-US" dirty="0"/>
              <a:t>The key goal is often to estimate a good proxy for what would have happened in the absence of the policy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84BACDE-DBD5-A562-13DE-9800686F06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52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F0DB9F48-D5AD-6951-829A-A550C6EA845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2019261"/>
      </p:ext>
    </p:extLst>
  </p:cSld>
  <p:clrMapOvr>
    <a:masterClrMapping/>
  </p:clrMapOvr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59D06FC-3FCE-9D44-7870-D156B30587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disciplinary work is ke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31A563-FEAD-6899-0550-68C2D235A96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igorous policy research requires collaboration across disciplin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Need both quantitative and qualitative approach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Working across fields improves communication and impac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hallenging, but fun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7F1F687-2727-CCD4-5DAF-20AFFC9A36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53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B47991EF-01CA-8CAA-BCC2-DAF639078CB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7144117"/>
      </p:ext>
    </p:extLst>
  </p:cSld>
  <p:clrMapOvr>
    <a:masterClrMapping/>
  </p:clrMapOvr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17BC4C9-C848-26F2-FEDC-9609F932ED25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5D44491-2107-66E7-CD39-AE84CA1787F2}"/>
              </a:ext>
            </a:extLst>
          </p:cNvPr>
          <p:cNvSpPr txBox="1"/>
          <p:nvPr/>
        </p:nvSpPr>
        <p:spPr>
          <a:xfrm>
            <a:off x="2928730" y="4585252"/>
            <a:ext cx="6467061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 err="1">
                <a:solidFill>
                  <a:schemeClr val="bg1"/>
                </a:solidFill>
                <a:latin typeface="DM Mono" panose="020B0509040201040103" pitchFamily="49" charset="77"/>
              </a:rPr>
              <a:t>seewaldn@pennmedicine.upenn.edu</a:t>
            </a:r>
            <a:endParaRPr lang="en-US" sz="2000" dirty="0">
              <a:solidFill>
                <a:schemeClr val="bg1"/>
              </a:solidFill>
              <a:latin typeface="DM Mono" panose="020B0509040201040103" pitchFamily="49" charset="77"/>
            </a:endParaRPr>
          </a:p>
          <a:p>
            <a:pPr algn="l"/>
            <a:endParaRPr lang="en-US" sz="2000" dirty="0">
              <a:solidFill>
                <a:schemeClr val="bg1"/>
              </a:solidFill>
              <a:latin typeface="DM Mono" panose="020B0509040201040103" pitchFamily="49" charset="77"/>
            </a:endParaRPr>
          </a:p>
          <a:p>
            <a:pPr algn="ctr"/>
            <a:r>
              <a:rPr lang="en-US" sz="2000" dirty="0" err="1">
                <a:solidFill>
                  <a:schemeClr val="bg1"/>
                </a:solidFill>
                <a:latin typeface="DM Mono" panose="020B0509040201040103" pitchFamily="49" charset="77"/>
              </a:rPr>
              <a:t>www.nickseewald.com</a:t>
            </a:r>
            <a:endParaRPr lang="en-US" sz="2000" dirty="0">
              <a:solidFill>
                <a:schemeClr val="bg1"/>
              </a:solidFill>
              <a:latin typeface="DM Mono" panose="020B0509040201040103" pitchFamily="49" charset="77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5726039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8736BF7-6DDF-EE49-56B8-B9DF9629C2A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F023ED5-CC2F-DD86-2EE9-B79E8A26A5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ome More Fram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AF4FA8-1D5C-D226-771D-C6ADC304C14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e </a:t>
            </a:r>
            <a:r>
              <a:rPr lang="en-US" b="1" dirty="0"/>
              <a:t>should</a:t>
            </a:r>
            <a:r>
              <a:rPr lang="en-US" dirty="0"/>
              <a:t> be using the question to inform decisions, with the data structure used to guide practical realitie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3B2F9B4-F655-0DF0-B503-626436C3711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6</a:t>
            </a:fld>
            <a:endParaRPr lang="en-US" noProof="0"/>
          </a:p>
        </p:txBody>
      </p:sp>
      <p:grpSp>
        <p:nvGrpSpPr>
          <p:cNvPr id="19" name="Group 18">
            <a:extLst>
              <a:ext uri="{FF2B5EF4-FFF2-40B4-BE49-F238E27FC236}">
                <a16:creationId xmlns:a16="http://schemas.microsoft.com/office/drawing/2014/main" id="{DBDF8F6B-5A1B-C6CC-E8D5-239408FDF850}"/>
              </a:ext>
            </a:extLst>
          </p:cNvPr>
          <p:cNvGrpSpPr/>
          <p:nvPr/>
        </p:nvGrpSpPr>
        <p:grpSpPr>
          <a:xfrm>
            <a:off x="2115914" y="2873375"/>
            <a:ext cx="1852305" cy="2104845"/>
            <a:chOff x="1402923" y="2432649"/>
            <a:chExt cx="2908419" cy="3304947"/>
          </a:xfrm>
        </p:grpSpPr>
        <p:pic>
          <p:nvPicPr>
            <p:cNvPr id="7" name="Graphic 6" descr="Packing Box Open outline">
              <a:extLst>
                <a:ext uri="{FF2B5EF4-FFF2-40B4-BE49-F238E27FC236}">
                  <a16:creationId xmlns:a16="http://schemas.microsoft.com/office/drawing/2014/main" id="{F83D2A2D-8D21-1411-A704-DD6F4AEC8A55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1402923" y="2432649"/>
              <a:ext cx="2908419" cy="2908419"/>
            </a:xfrm>
            <a:prstGeom prst="rect">
              <a:avLst/>
            </a:prstGeom>
          </p:spPr>
        </p:pic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0F170AAA-21C7-B659-A9AB-00F8C407332D}"/>
                </a:ext>
              </a:extLst>
            </p:cNvPr>
            <p:cNvSpPr txBox="1"/>
            <p:nvPr/>
          </p:nvSpPr>
          <p:spPr>
            <a:xfrm>
              <a:off x="1752950" y="5368264"/>
              <a:ext cx="2208363" cy="36933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2400" dirty="0">
                  <a:solidFill>
                    <a:schemeClr val="accent1"/>
                  </a:solidFill>
                  <a:latin typeface="DM Sans 14pt" pitchFamily="2" charset="77"/>
                </a:rPr>
                <a:t>Data Structure</a:t>
              </a:r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86E07338-3084-0DED-8157-37B4DFE0D690}"/>
              </a:ext>
            </a:extLst>
          </p:cNvPr>
          <p:cNvGrpSpPr/>
          <p:nvPr/>
        </p:nvGrpSpPr>
        <p:grpSpPr>
          <a:xfrm>
            <a:off x="8543156" y="2433207"/>
            <a:ext cx="2470139" cy="3455183"/>
            <a:chOff x="5940473" y="2446260"/>
            <a:chExt cx="1852305" cy="2590969"/>
          </a:xfrm>
        </p:grpSpPr>
        <p:pic>
          <p:nvPicPr>
            <p:cNvPr id="12" name="Graphic 11" descr="Badge Question Mark with solid fill">
              <a:extLst>
                <a:ext uri="{FF2B5EF4-FFF2-40B4-BE49-F238E27FC236}">
                  <a16:creationId xmlns:a16="http://schemas.microsoft.com/office/drawing/2014/main" id="{6D20AF9C-6012-82B9-A783-C2A287831214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5940473" y="2446260"/>
              <a:ext cx="1852305" cy="1852305"/>
            </a:xfrm>
            <a:prstGeom prst="rect">
              <a:avLst/>
            </a:prstGeom>
          </p:spPr>
        </p:pic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6959F515-E314-8AB6-0F34-C357E98C5008}"/>
                </a:ext>
              </a:extLst>
            </p:cNvPr>
            <p:cNvSpPr txBox="1"/>
            <p:nvPr/>
          </p:nvSpPr>
          <p:spPr>
            <a:xfrm>
              <a:off x="6024113" y="4298565"/>
              <a:ext cx="1685026" cy="73866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2400" dirty="0">
                  <a:solidFill>
                    <a:schemeClr val="accent1"/>
                  </a:solidFill>
                  <a:latin typeface="DM Sans 14pt" pitchFamily="2" charset="77"/>
                </a:rPr>
                <a:t>Scientific Question</a:t>
              </a:r>
            </a:p>
          </p:txBody>
        </p:sp>
      </p:grpSp>
      <p:grpSp>
        <p:nvGrpSpPr>
          <p:cNvPr id="18" name="Group 17">
            <a:extLst>
              <a:ext uri="{FF2B5EF4-FFF2-40B4-BE49-F238E27FC236}">
                <a16:creationId xmlns:a16="http://schemas.microsoft.com/office/drawing/2014/main" id="{53779861-9986-72C5-3FD5-B67BE6AD9D8A}"/>
              </a:ext>
            </a:extLst>
          </p:cNvPr>
          <p:cNvGrpSpPr/>
          <p:nvPr/>
        </p:nvGrpSpPr>
        <p:grpSpPr>
          <a:xfrm>
            <a:off x="5364132" y="4680227"/>
            <a:ext cx="1685026" cy="1208163"/>
            <a:chOff x="9041020" y="910679"/>
            <a:chExt cx="1685026" cy="1208163"/>
          </a:xfrm>
        </p:grpSpPr>
        <p:pic>
          <p:nvPicPr>
            <p:cNvPr id="10" name="Graphic 9" descr="Abacus outline">
              <a:extLst>
                <a:ext uri="{FF2B5EF4-FFF2-40B4-BE49-F238E27FC236}">
                  <a16:creationId xmlns:a16="http://schemas.microsoft.com/office/drawing/2014/main" id="{A218897C-B44D-B077-C088-D95C80D2DCDF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9426333" y="910679"/>
              <a:ext cx="914400" cy="914400"/>
            </a:xfrm>
            <a:prstGeom prst="rect">
              <a:avLst/>
            </a:prstGeom>
          </p:spPr>
        </p:pic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8361D70D-D314-3CE0-EB1B-203A27989871}"/>
                </a:ext>
              </a:extLst>
            </p:cNvPr>
            <p:cNvSpPr txBox="1"/>
            <p:nvPr/>
          </p:nvSpPr>
          <p:spPr>
            <a:xfrm>
              <a:off x="9041020" y="1749510"/>
              <a:ext cx="1685026" cy="36933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2400" dirty="0">
                  <a:solidFill>
                    <a:schemeClr val="accent1"/>
                  </a:solidFill>
                  <a:latin typeface="DM Sans 14pt" pitchFamily="2" charset="77"/>
                </a:rPr>
                <a:t>Method</a:t>
              </a:r>
            </a:p>
          </p:txBody>
        </p:sp>
      </p:grpSp>
      <p:grpSp>
        <p:nvGrpSpPr>
          <p:cNvPr id="23" name="Group 22">
            <a:extLst>
              <a:ext uri="{FF2B5EF4-FFF2-40B4-BE49-F238E27FC236}">
                <a16:creationId xmlns:a16="http://schemas.microsoft.com/office/drawing/2014/main" id="{5DFD544E-F892-232B-15AB-AEA850375B7C}"/>
              </a:ext>
            </a:extLst>
          </p:cNvPr>
          <p:cNvGrpSpPr/>
          <p:nvPr/>
        </p:nvGrpSpPr>
        <p:grpSpPr>
          <a:xfrm>
            <a:off x="5364132" y="2607623"/>
            <a:ext cx="1685026" cy="1634309"/>
            <a:chOff x="5385575" y="2971799"/>
            <a:chExt cx="1685026" cy="1634309"/>
          </a:xfrm>
        </p:grpSpPr>
        <p:pic>
          <p:nvPicPr>
            <p:cNvPr id="21" name="Graphic 20" descr="Group of people with solid fill">
              <a:extLst>
                <a:ext uri="{FF2B5EF4-FFF2-40B4-BE49-F238E27FC236}">
                  <a16:creationId xmlns:a16="http://schemas.microsoft.com/office/drawing/2014/main" id="{CEDC9C94-AC80-7597-3095-6DCE9E61BDB9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5638799" y="2971799"/>
              <a:ext cx="1178579" cy="1178579"/>
            </a:xfrm>
            <a:prstGeom prst="rect">
              <a:avLst/>
            </a:prstGeom>
          </p:spPr>
        </p:pic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C201383A-FAF8-563C-5599-DAEC3FD03C20}"/>
                </a:ext>
              </a:extLst>
            </p:cNvPr>
            <p:cNvSpPr txBox="1"/>
            <p:nvPr/>
          </p:nvSpPr>
          <p:spPr>
            <a:xfrm>
              <a:off x="5385575" y="4236776"/>
              <a:ext cx="1685026" cy="36933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2400" dirty="0">
                  <a:solidFill>
                    <a:schemeClr val="accent1"/>
                  </a:solidFill>
                  <a:latin typeface="DM Sans 14pt" pitchFamily="2" charset="77"/>
                </a:rPr>
                <a:t>Population</a:t>
              </a:r>
            </a:p>
          </p:txBody>
        </p:sp>
      </p:grpSp>
      <p:pic>
        <p:nvPicPr>
          <p:cNvPr id="26" name="Content Placeholder 10">
            <a:extLst>
              <a:ext uri="{FF2B5EF4-FFF2-40B4-BE49-F238E27FC236}">
                <a16:creationId xmlns:a16="http://schemas.microsoft.com/office/drawing/2014/main" id="{C9796491-F579-A591-2B1F-97A04AD1BAD3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67CDF7B9-D7DD-CD96-910D-3D558E643A9C}"/>
              </a:ext>
            </a:extLst>
          </p:cNvPr>
          <p:cNvCxnSpPr/>
          <p:nvPr/>
        </p:nvCxnSpPr>
        <p:spPr>
          <a:xfrm flipH="1" flipV="1">
            <a:off x="6795935" y="3196912"/>
            <a:ext cx="1747221" cy="471364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61A1D4D5-C5D8-9138-4F39-CE11E4DDEBE5}"/>
              </a:ext>
            </a:extLst>
          </p:cNvPr>
          <p:cNvCxnSpPr>
            <a:cxnSpLocks/>
          </p:cNvCxnSpPr>
          <p:nvPr/>
        </p:nvCxnSpPr>
        <p:spPr>
          <a:xfrm flipH="1">
            <a:off x="6795935" y="3668276"/>
            <a:ext cx="1747221" cy="1491910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476DAEC5-5F5E-889F-16EA-B41EAE8F3DDB}"/>
              </a:ext>
            </a:extLst>
          </p:cNvPr>
          <p:cNvCxnSpPr>
            <a:cxnSpLocks/>
            <a:stCxn id="7" idx="3"/>
          </p:cNvCxnSpPr>
          <p:nvPr/>
        </p:nvCxnSpPr>
        <p:spPr>
          <a:xfrm flipV="1">
            <a:off x="3968219" y="3196912"/>
            <a:ext cx="1395913" cy="602616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F2487D2E-ECC5-1FAE-E553-F94D112FB74D}"/>
              </a:ext>
            </a:extLst>
          </p:cNvPr>
          <p:cNvCxnSpPr>
            <a:cxnSpLocks/>
          </p:cNvCxnSpPr>
          <p:nvPr/>
        </p:nvCxnSpPr>
        <p:spPr>
          <a:xfrm>
            <a:off x="3985221" y="3799527"/>
            <a:ext cx="1410845" cy="1277127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010554363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60549C4-66A1-61D4-3E39-FB230DAAC5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signing for Policy Evalu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869E53E-EB6A-14D2-3D17-C221849F3F3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/>
              <a:t>High-quality study design helps alleviate concerns about</a:t>
            </a:r>
          </a:p>
          <a:p>
            <a:pPr lvl="1"/>
            <a:r>
              <a:rPr lang="en-US" sz="2000" dirty="0"/>
              <a:t>Isolating the policy of interest</a:t>
            </a:r>
          </a:p>
          <a:p>
            <a:pPr lvl="1"/>
            <a:r>
              <a:rPr lang="en-US" sz="2000" dirty="0"/>
              <a:t>Confounding by time</a:t>
            </a:r>
          </a:p>
          <a:p>
            <a:pPr lvl="1"/>
            <a:r>
              <a:rPr lang="en-US" sz="2000" dirty="0"/>
              <a:t>Heterogeneous policies</a:t>
            </a:r>
          </a:p>
          <a:p>
            <a:pPr>
              <a:spcBef>
                <a:spcPts val="850"/>
              </a:spcBef>
            </a:pPr>
            <a:r>
              <a:rPr lang="en-US" sz="2000" b="1" dirty="0"/>
              <a:t>“Mixed-methods”</a:t>
            </a:r>
            <a:r>
              <a:rPr lang="en-US" sz="2000" dirty="0"/>
              <a:t> approaches allow better understanding of</a:t>
            </a:r>
          </a:p>
          <a:p>
            <a:pPr lvl="1"/>
            <a:r>
              <a:rPr lang="en-US" sz="2000" dirty="0"/>
              <a:t>“Treatment” definition</a:t>
            </a:r>
          </a:p>
          <a:p>
            <a:pPr lvl="1"/>
            <a:r>
              <a:rPr lang="en-US" sz="2000" dirty="0"/>
              <a:t>Implementation time</a:t>
            </a:r>
          </a:p>
          <a:p>
            <a:pPr lvl="1"/>
            <a:r>
              <a:rPr lang="en-US" sz="2000" dirty="0"/>
              <a:t>Effects (or lack thereof)</a:t>
            </a:r>
          </a:p>
          <a:p>
            <a:endParaRPr lang="en-US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3881E89-D4D0-92EF-BD55-5AB308003AD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7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1041B2C3-7473-A87C-38C1-DC7F8BAF484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7737524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C8E9C97-C0D0-2BF8-07D6-80662E4589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arget Trial Emulation (TTE)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F08F7BF-B75C-091E-4939-B1901BDD633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 sz="2000" dirty="0"/>
              <a:t>A </a:t>
            </a:r>
            <a:r>
              <a:rPr lang="en-US" sz="2000" b="1" dirty="0"/>
              <a:t>design</a:t>
            </a:r>
            <a:r>
              <a:rPr lang="en-US" sz="2000" dirty="0"/>
              <a:t> framework for thinking about non-experimental studies that enables stronger designs and facilitates causal inference.</a:t>
            </a:r>
          </a:p>
          <a:p>
            <a:pPr lvl="1">
              <a:spcAft>
                <a:spcPts val="600"/>
              </a:spcAft>
            </a:pPr>
            <a:r>
              <a:rPr lang="en-US" sz="2000" dirty="0"/>
              <a:t> </a:t>
            </a:r>
            <a:r>
              <a:rPr lang="en-US" sz="2000" b="1" dirty="0"/>
              <a:t>Key Idea:</a:t>
            </a:r>
            <a:r>
              <a:rPr lang="en-US" sz="2000" dirty="0"/>
              <a:t> Think about the trial you would run if you could, then design a non-experimental analogue that gets as close as possible.</a:t>
            </a:r>
          </a:p>
          <a:p>
            <a:pPr lvl="1">
              <a:spcAft>
                <a:spcPts val="600"/>
              </a:spcAft>
            </a:pPr>
            <a:r>
              <a:rPr lang="en-US" sz="2000" dirty="0"/>
              <a:t>Common in epidemiology, but broadly applicable</a:t>
            </a:r>
          </a:p>
          <a:p>
            <a:pPr lvl="1">
              <a:spcAft>
                <a:spcPts val="600"/>
              </a:spcAft>
            </a:pPr>
            <a:r>
              <a:rPr lang="en-US" sz="2000" i="1" dirty="0"/>
              <a:t>Not magic!</a:t>
            </a:r>
            <a:r>
              <a:rPr lang="en-US" sz="2000" dirty="0"/>
              <a:t> TTE </a:t>
            </a:r>
            <a:r>
              <a:rPr lang="en-US" sz="2000" i="1" dirty="0"/>
              <a:t>per se</a:t>
            </a:r>
            <a:r>
              <a:rPr lang="en-US" sz="2000" dirty="0"/>
              <a:t> does not guarantee quality.</a:t>
            </a:r>
            <a:endParaRPr lang="en-US" sz="2000" i="1" dirty="0"/>
          </a:p>
          <a:p>
            <a:endParaRPr lang="en-US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C96208F-D525-4659-C26F-4487FB3D7C2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8</a:t>
            </a:fld>
            <a:endParaRPr lang="en-US" noProof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6A8A662-3B2D-50A8-C317-35AE0204041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09799" y="4311111"/>
            <a:ext cx="7772400" cy="1617378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0A5CB829-C58F-01C5-3A71-2254B6D6DE9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304055AB-175E-BC19-617D-BA4AAE6F2D16}"/>
              </a:ext>
            </a:extLst>
          </p:cNvPr>
          <p:cNvSpPr txBox="1"/>
          <p:nvPr/>
        </p:nvSpPr>
        <p:spPr>
          <a:xfrm>
            <a:off x="4349825" y="6085896"/>
            <a:ext cx="349234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dirty="0" err="1">
                <a:solidFill>
                  <a:schemeClr val="accent1"/>
                </a:solidFill>
                <a:latin typeface="DM Mono" panose="020B0509040201040103" pitchFamily="49" charset="77"/>
              </a:rPr>
              <a:t>doi.org</a:t>
            </a:r>
            <a:r>
              <a:rPr lang="en-US" dirty="0">
                <a:solidFill>
                  <a:schemeClr val="accent1"/>
                </a:solidFill>
                <a:latin typeface="DM Mono" panose="020B0509040201040103" pitchFamily="49" charset="77"/>
              </a:rPr>
              <a:t>/</a:t>
            </a:r>
            <a:r>
              <a:rPr lang="en-US" dirty="0" err="1">
                <a:solidFill>
                  <a:schemeClr val="accent1"/>
                </a:solidFill>
                <a:latin typeface="DM Mono" panose="020B0509040201040103" pitchFamily="49" charset="77"/>
              </a:rPr>
              <a:t>nmmw</a:t>
            </a:r>
            <a:endParaRPr lang="en-US" dirty="0">
              <a:solidFill>
                <a:schemeClr val="accent1"/>
              </a:solidFill>
              <a:latin typeface="DM Mono" panose="020B0509040201040103" pitchFamily="49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269601277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997E8C-5B1F-9152-848E-05B9D40E5A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troversy! Gasp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C033066-77BF-98FC-72C8-880DAEEC08A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Health policy applications often require different considerations than studies of individual-level interventions.</a:t>
            </a:r>
          </a:p>
          <a:p>
            <a:pPr lvl="1"/>
            <a:r>
              <a:rPr lang="en-US" dirty="0"/>
              <a:t>Policies are cluster-level interventions</a:t>
            </a:r>
          </a:p>
          <a:p>
            <a:pPr lvl="1"/>
            <a:r>
              <a:rPr lang="en-US" dirty="0"/>
              <a:t>Policy evaluations require natural experiments</a:t>
            </a:r>
          </a:p>
          <a:p>
            <a:pPr lvl="1"/>
            <a:r>
              <a:rPr lang="en-US" dirty="0"/>
              <a:t>Sample sizes are often small</a:t>
            </a:r>
          </a:p>
          <a:p>
            <a:pPr lvl="1"/>
            <a:r>
              <a:rPr lang="en-US" dirty="0"/>
              <a:t>Policy-level units are not exchangeable (e.g., states)</a:t>
            </a:r>
          </a:p>
          <a:p>
            <a:pPr lvl="1"/>
            <a:endParaRPr lang="en-US" dirty="0"/>
          </a:p>
          <a:p>
            <a:pPr marL="0" indent="0" algn="ctr">
              <a:buNone/>
            </a:pPr>
            <a:r>
              <a:rPr lang="en-US" b="1" dirty="0"/>
              <a:t>The practical reality of policy evaluation requires trade-offs from ideal trial emulation best practices.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DDB2D1B-032C-3B1F-A01D-7C09271F987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9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BDEE3299-62F3-2CB1-C4A6-6580E642A52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9206991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CUSTMASTERTOPMARGIN" val="134.9291"/>
  <p:tag name="GUIDESAPPLIEDTO" val="2"/>
  <p:tag name="TITLETOPMARGIN" val="56.6929"/>
  <p:tag name="TITLEBOTTOMMARGIN" val="128.126"/>
  <p:tag name="MAXCOLS" val="12"/>
  <p:tag name="MAXROWS" val="6"/>
  <p:tag name="MAXGUTTERROW" val="1 cm"/>
  <p:tag name="MAXGUTTERCOL" val="1 cm"/>
  <p:tag name="GUIDEMETRICUNIT" val="cm"/>
  <p:tag name="MASTERLEFTMARGIN" val="56.6929"/>
  <p:tag name="MASTERBOTTOMMARGIN" val="56.693"/>
  <p:tag name="MASTERRIGHTMARGIN" val="56.6929"/>
  <p:tag name="CUSTMASTERLEFTMARGIN" val="56.6929"/>
  <p:tag name="CUSTMASTERBOTTOMMARGIN" val="56.693"/>
  <p:tag name="CUSTMASTERRIGHTMARGIN" val="56.692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ROWS" val="1"/>
  <p:tag name="MASTERTOPMARGIN" val="134.9291"/>
  <p:tag name="GUIDECOLS" val="12"/>
  <p:tag name="GUTTERCOL" val="1 cm"/>
  <p:tag name="GUTTERROW" val="1 cm"/>
  <p:tag name="MASTERLEFTMARGIN" val="56.6929"/>
  <p:tag name="MASTERRIGHTMARGIN" val="56.6929"/>
  <p:tag name="MASTERBOTTOMMARGIN" val="56.6929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GUIDECOLS" val="12"/>
  <p:tag name="GUIDEROWS" val="1"/>
  <p:tag name="GUTTERCOL" val="1 cm"/>
  <p:tag name="GUTTERROW" val="1 cm"/>
  <p:tag name="GUIDESAPPLIEDTO" val="2"/>
  <p:tag name="MASTERBOTTOMMARGIN" val="56.693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heme/theme1.xml><?xml version="1.0" encoding="utf-8"?>
<a:theme xmlns:a="http://schemas.openxmlformats.org/drawingml/2006/main" name="1_Office Theme">
  <a:themeElements>
    <a:clrScheme name="_Penn Medicines">
      <a:dk1>
        <a:srgbClr val="000000"/>
      </a:dk1>
      <a:lt1>
        <a:srgbClr val="FFFFFF"/>
      </a:lt1>
      <a:dk2>
        <a:srgbClr val="001D5B"/>
      </a:dk2>
      <a:lt2>
        <a:srgbClr val="FFFFFF"/>
      </a:lt2>
      <a:accent1>
        <a:srgbClr val="011F5B"/>
      </a:accent1>
      <a:accent2>
        <a:srgbClr val="085296"/>
      </a:accent2>
      <a:accent3>
        <a:srgbClr val="3C86C3"/>
      </a:accent3>
      <a:accent4>
        <a:srgbClr val="6B6C6E"/>
      </a:accent4>
      <a:accent5>
        <a:srgbClr val="C8CAC9"/>
      </a:accent5>
      <a:accent6>
        <a:srgbClr val="EAEAEA"/>
      </a:accent6>
      <a:hlink>
        <a:srgbClr val="3C86C3"/>
      </a:hlink>
      <a:folHlink>
        <a:srgbClr val="C9CBC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36000" rIns="72000" bIns="36000" rtlCol="0" anchor="ctr"/>
      <a:lstStyle>
        <a:defPPr algn="ctr">
          <a:defRPr sz="1600" dirty="0" err="1" smtClean="0">
            <a:latin typeface="+mj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accent1"/>
            </a:solidFill>
            <a:latin typeface="+mj-lt"/>
          </a:defRPr>
        </a:defPPr>
      </a:lstStyle>
    </a:txDef>
  </a:objectDefaults>
  <a:extraClrSchemeLst/>
  <a:custClrLst>
    <a:custClr name="RGB( 153, 0, 0)">
      <a:srgbClr val="990000"/>
    </a:custClr>
    <a:custClr name="RGB( 158, 195, 225)">
      <a:srgbClr val="9EC3E1"/>
    </a:custClr>
    <a:custClr name="RGB( 13, 29, 55)">
      <a:srgbClr val="0D1D37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184, 204, 63)">
      <a:srgbClr val="B9CC3F"/>
    </a:custClr>
    <a:custClr name="RGB( 56, 155, 171)">
      <a:srgbClr val="389BAB"/>
    </a:custClr>
    <a:custClr name="RGB( 231, 121, 71)">
      <a:srgbClr val="E77947"/>
    </a:custClr>
    <a:custClr name="RGB( 96,66, 118)">
      <a:srgbClr val="604276"/>
    </a:custClr>
    <a:custClr name="RGB( 241, 186, 63)">
      <a:srgbClr val="F1BA3F"/>
    </a:custClr>
    <a:custClr name="RGB( 203, 93, 131)">
      <a:srgbClr val="CB5D83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0, 175, 114)">
      <a:srgbClr val="00AF72"/>
    </a:custClr>
    <a:custClr name="RGB( 0, 96, 118)">
      <a:srgbClr val="006076"/>
    </a:custClr>
    <a:custClr name="RGB( 249, 165, 78)">
      <a:srgbClr val="F9A54E"/>
    </a:custClr>
    <a:custClr name="RGB( 63, 21, 84)">
      <a:srgbClr val="3F1554"/>
    </a:custClr>
    <a:custClr name="RGB( 250, 222, 91)">
      <a:srgbClr val="FADE5B"/>
    </a:custClr>
    <a:custClr name="RGB( 160, 53, 112)">
      <a:srgbClr val="A03570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</a:custClrLst>
  <a:extLst>
    <a:ext uri="{05A4C25C-085E-4340-85A3-A5531E510DB2}">
      <thm15:themeFamily xmlns:thm15="http://schemas.microsoft.com/office/thememl/2012/main" name="Dynamic Presentation.potx" id="{E5FB424D-E745-434F-9CC1-46CC19E2E9A1}" vid="{34240860-933F-4D63-B27C-16F6D1EF1BF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CC3F3886-E19E-5F4D-9885-955143A3A995}">
  <we:reference id="d2164860-9689-45e3-a1e5-90c76032056e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1,"isValidatorEnabled":false,"isLocked":false,"elementsMetadata":[{"type":"shape","elementConfiguration":{"inheritDimensions":"{{InheritDimensions.InheritNone}}","width":"","height":"","image":"{{Form.SelectLogo.Logo_Back_white}}","visibility":"","type":"image","disableUpdates":false}}],"slideId":"1034288040387018754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{"type":"shape","elementConfiguration":{"inheritDimensions":"{{InheritDimensions.InheritNone}}","width":"6.75 cm","height":"2 cm","image":"{{Form.Motif.Logo_white}}","visibility":"","type":"image","disableUpdates":false}},{"type":"shape","elementConfiguration":{"inheritDimensions":"{{InheritDimensions.InheritNone}}","width":"","height":"","image":"{{Form.SelectLogo.Logo_white}}","visibility":"","type":"image","disableUpdates":false}}],"slideId":"1034288040387018752","enableDocumentContentUpdater":false,"version":"2.0"}]]></TemplafySlideTemplateConfiguration>
</file>

<file path=customXml/item3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,{"distinct":false,"hideIfNoUserInteractionRequired":false,"required":false,"autoSelectFirstOption":false,"helpTexts":{},"spacing":{},"shareValue":false,"type":"dropDown","dataSourceName":"Motifs","dataSourceFieldName":"Name","name":"Motif","label":"If applicable, select a secondary graphic motif:"}],"formDataEntries":[]}]]></TemplafySlideFormConfiguration>
</file>

<file path=customXml/item4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],"formDataEntries":[]}]]></TemplafySlideFormConfiguration>
</file>

<file path=customXml/item5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,{"distinct":false,"hideIfNoUserInteractionRequired":false,"required":false,"autoSelectFirstOption":false,"helpTexts":{},"spacing":{},"shareValue":false,"type":"dropDown","dataSourceName":"Motifs","dataSourceFieldName":"Name","name":"Motif","label":"If applicable, select a secondary graphic motif:"},{"required":false,"autoSelectFirstOption":false,"helpTexts":{},"spacing":{},"shareValue":false,"type":"comboBox","dataSourceName":"Footers","dataSourceFieldName":"Name","name":"SelectOrTypeFooter","label":"Select or type a customized footer:"}],"formDataEntries":[{"name":"SelectLogo","value":"Rx8mn01Zskq0JahcsgXYcdra9TNRuxL0jXHqU2gib/o="},{"name":"Motif","value":"8QDs/Y5iDIYUDKjpp/s4Da+KV/Agszp+em9lMLa+eQ0="},{"name":"SelectOrTypeFooter","value":"YP+y30Ez5P0VwvrwWrmAiUIVpgJ/pnFXECPUC0v+8IBhLt/sNE+WgKyW39kwpl1fLFegoBVEH36aeOSBOjtBDnIS4p0V4HkBIVXnbRBSUxz09LEZA/U5/qF6ZfsaGrpS"}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{"type":"shape","id":"60b31f76-2dd6-492d-96cb-e7a80eee9d30","elementConfiguration":{"binding":"{{Form.SelectOrTypeFooter}}","visibility":"","type":"text","disableUpdates":false}},{"type":"shape","id":"698def7e-c117-4c75-82d5-7e8e01db22be","elementConfiguration":{"inheritDimensions":"{{InheritDimensions.InheritNone}}","width":"","height":"","image":"{{Form.SelectLogo.Logo_Footer_blue}}","visibility":"","type":"image","disableUpdates":false}},{"type":"shape","id":"c8d730e4-8175-44e7-afe8-85a9fa94a3a2","elementConfiguration":{"inheritDimensions":"{{InheritDimensions.InheritNone}}","width":"","height":"","image":"{{Form.SelectLogo.Logo_Footer_white}}","visibility":"","type":"image","disableUpdates":false}},{"type":"shape","id":"904463a6-5b2b-4bf9-b7a7-305b5d3c40a0","elementConfiguration":{"binding":"{{Form.SelectOrTypeFooter}}","visibility":"","type":"text","disableUpdates":false}},{"type":"shape","id":"c2169592-79f6-4468-90fe-a70e6381aa80","elementConfiguration":{"binding":"{{Form.SelectOrTypeFooter}}","visibility":"","type":"text","disableUpdates":false}},{"type":"shape","id":"04308776-517a-4fab-bc8d-642367b9d305","elementConfiguration":{"inheritDimensions":"{{InheritDimensions.InheritNone}}","width":"","height":"","image":"{{Form.SelectLogo.Logo_Footer_blue}}","visibility":"","type":"image","disableUpdates":false}},{"type":"shape","id":"c228c63b-d8d3-4c85-9c07-6e5e5cb0c2b0","elementConfiguration":{"binding":"{{Form.SelectOrTypeFooter}}","visibility":"","type":"text","disableUpdates":false}},{"type":"shape","id":"f1f49327-5f0d-4aa4-82e9-6e365de172ae","elementConfiguration":{"inheritDimensions":"{{InheritDimensions.InheritNone}}","width":"","height":"","image":"{{Form.SelectLogo.Logo_Footer_blue}}","visibility":"","type":"image","disableUpdates":false}},{"type":"shape","id":"9134239d-9582-4638-80b8-1c3473a064d2","elementConfiguration":{"binding":"{{Form.SelectOrTypeFooter}}","visibility":"","type":"text","disableUpdates":false}},{"type":"shape","id":"f2feb5bc-8bfc-4745-aebd-1b4daaa2b6cc","elementConfiguration":{"inheritDimensions":"{{InheritDimensions.InheritNone}}","width":"","height":"","image":"{{Form.SelectLogo.Logo_Back_white}}","visibility":"","type":"image","disableUpdates":false}},{"type":"shape","id":"80479175-33cb-4154-8a9d-565502c9c400","elementConfiguration":{"inheritDimensions":"{{InheritDimensions.InheritNone}}","width":"","height":"","image":"{{Form.SelectLogo.Logo_Footer_white}}","visibility":"","type":"image","disableUpdates":false}},{"type":"shape","id":"1b227357-0113-441e-b07e-a29b2c4f81c4","elementConfiguration":{"binding":"{{Form.SelectOrTypeFooter}}","visibility":"","type":"text","disableUpdates":false}},{"type":"shape","id":"ac1f4880-84af-4b2e-a15b-c714ebdfef38","elementConfiguration":{"inheritDimensions":"{{InheritDimensions.InheritNone}}","width":"6.75 cm","height":"2 cm","image":"{{Form.Motif.Logo_white}}","visibility":"","type":"image","disableUpdates":false}},{"type":"shape","id":"9be34feb-4838-4959-aefb-559cd01c108e","elementConfiguration":{"inheritDimensions":"{{InheritDimensions.InheritNone}}","width":"","height":"","image":"{{Form.SelectLogo.Logo_white}}","visibility":"","type":"image","disableUpdates":false}},{"type":"shape","id":"8a74c689-60a1-43f5-8b16-31bdc0ec4c15","elementConfiguration":{"binding":"{{Form.SelectOrTypeFooter}}","visibility":"","type":"text","disableUpdates":false}},{"type":"shape","id":"7cdc3578-851f-410c-813b-4d5e30095c5c","elementConfiguration":{"inheritDimensions":"{{InheritDimensions.InheritNone}}","width":"","height":"","image":"{{Form.SelectLogo.Logo_Footer_white}}","visibility":"","type":"image","disableUpdates":false}},{"type":"shape","id":"a2810f39-9080-4146-ad41-7070186a25db","elementConfiguration":{"binding":"{{Form.SelectOrTypeFooter}}","visibility":"","type":"text","disableUpdates":false}},{"type":"shape","id":"4bef0602-95d0-4ac2-a913-b62c15ff58d5","elementConfiguration":{"inheritDimensions":"{{InheritDimensions.InheritNone}}","width":"","height":"","image":"{{Form.SelectLogo.Logo_Footer_blue}}","visibility":"","type":"image","disableUpdates":false}},{"type":"shape","id":"fdf8d0d7-b3c0-4889-afac-522281362358","elementConfiguration":{"binding":"{{Form.SelectOrTypeFooter}}","visibility":"","type":"text","disableUpdates":false}},{"type":"shape","id":"51f51eb1-aa79-45fa-9bc3-395f90df2476","elementConfiguration":{"inheritDimensions":"{{InheritDimensions.InheritNone}}","width":"","height":"","image":"{{Form.SelectLogo.Logo_Footer_white}}","visibility":"","type":"image","disableUpdates":false}},{"type":"shape","id":"5c3f7b1a-e172-41f9-bd75-ae086f9c70fe","elementConfiguration":{"binding":"{{Form.SelectOrTypeFooter}}","visibility":"","type":"text","disableUpdates":false}},{"type":"shape","id":"a25682f3-7f2a-4afb-8794-81ba99d24da5","elementConfiguration":{"inheritDimensions":"{{InheritDimensions.InheritNone}}","width":"","height":"","image":"{{Form.SelectLogo.Logo_Footer_blue}}","visibility":"","type":"image","disableUpdates":false}},{"type":"shape","id":"d29b1644-418d-4647-978b-61158c3a43ef","elementConfiguration":{"binding":"{{Form.SelectOrTypeFooter}}","visibility":"","type":"text","disableUpdates":false}},{"type":"shape","id":"2a5de407-1d75-458a-91ab-dfaf0e59ea26","elementConfiguration":{"inheritDimensions":"{{InheritDimensions.InheritNone}}","width":"","height":"","image":"{{Form.SelectLogo.Logo_Footer_white}}","visibility":"","type":"image","disableUpdates":false}},{"type":"shape","id":"cce1983f-fdc4-407e-be5d-e3b2d03f324d","elementConfiguration":{"binding":"{{Form.SelectOrTypeFooter}}","visibility":"","type":"text","disableUpdates":false}},{"type":"shape","id":"56a6420a-dc80-4e1c-b747-e80c04b693e1","elementConfiguration":{"inheritDimensions":"{{InheritDimensions.InheritNone}}","width":"","height":"","image":"{{Form.SelectLogo.Logo_Footer_white}}","visibility":"","type":"image","disableUpdates":false}},{"type":"shape","id":"756ef90b-4594-465a-8b5f-38a3c8ca7f62","elementConfiguration":{"binding":"{{Form.SelectOrTypeFooter}}","visibility":"","type":"text","disableUpdates":false}},{"type":"shape","id":"05d88fd5-cdc3-4e74-a780-c10a05b042ff","elementConfiguration":{"inheritDimensions":"{{InheritDimensions.InheritNone}}","width":"","height":"","image":"{{Form.SelectLogo.Logo_Footer_white}}","visibility":"","type":"image","disableUpdates":false}},{"type":"shape","id":"764e6aa8-1254-4db0-8176-5cf3407dec31","elementConfiguration":{"binding":"{{Form.SelectOrTypeFooter}}","visibility":"","type":"text","disableUpdates":false}},{"type":"shape","id":"8d89b173-5208-40c0-b2ed-2384c75f3976","elementConfiguration":{"inheritDimensions":"{{InheritDimensions.InheritNone}}","width":"","height":"","image":"{{Form.SelectLogo.Logo_Footer_blue}}","visibility":"","type":"image","disableUpdates":false}},{"type":"shape","id":"3300a2e3-8e96-4153-a9fb-1c5763e00acc","elementConfiguration":{"binding":"{{Form.SelectOrTypeFooter}}","visibility":"","type":"text","disableUpdates":false}},{"type":"shape","id":"79e2dd3b-4830-4e00-a332-1eac574a4277","elementConfiguration":{"inheritDimensions":"{{InheritDimensions.InheritNone}}","width":"","height":"","image":"{{Form.SelectLogo.Logo_Footer_white}}","visibility":"","type":"image","disableUpdates":false}},{"type":"shape","id":"d889bcb3-146e-487e-9c2c-8f11c21609f6","elementConfiguration":{"binding":"{{Form.SelectOrTypeFooter}}","visibility":"","type":"text","disableUpdates":false}},{"type":"shape","id":"e6d7b454-1dab-40cd-999e-ecc8089d79d0","elementConfiguration":{"inheritDimensions":"{{InheritDimensions.InheritNone}}","width":"","height":"","image":"{{Form.SelectLogo.Logo_Footer_white}}","visibility":"","type":"image","disableUpdates":false}},{"type":"shape","id":"84137b76-e50c-4528-bd39-32786b937b55","elementConfiguration":{"binding":"{{Form.SelectOrTypeFooter}}","visibility":"","type":"text","disableUpdates":false}},{"type":"shape","id":"0fd08d51-22f5-4846-9938-1f5c458f3bf6","elementConfiguration":{"binding":"{{Form.SelectOrTypeFooter}}","visibility":"","type":"text","disableUpdates":false}},{"type":"shape","id":"03e56073-67d3-46cf-a937-9a2ad535dade","elementConfiguration":{"inheritDimensions":"{{InheritDimensions.InheritNone}}","width":"","height":"","image":"{{Form.SelectLogo.Logo_Footer_blue}}","visibility":"","type":"image","disableUpdates":false}},{"type":"shape","id":"dc7a8ad4-fcda-4c68-8b15-f10bc03ce177","elementConfiguration":{"binding":"{{Form.SelectOrTypeFooter}}","visibility":"","type":"text","disableUpdates":false}},{"type":"shape","id":"f1230608-e9a1-4999-aa09-33e9a7ba37e7","elementConfiguration":{"inheritDimensions":"{{InheritDimensions.InheritNone}}","width":"","height":"","image":"{{Form.SelectLogo.Logo_Footer_blue}}","visibility":"","type":"image","disableUpdates":false}},{"type":"shape","id":"ab5a1a56-d5aa-4bfa-8731-74b06d5b54f5","elementConfiguration":{"inheritDimensions":"{{InheritDimensions.InheritNone}}","width":"","height":"","image":"{{Form.SelectLogo.Logo_Footer_white}}","visibility":"","type":"image","disableUpdates":false}},{"type":"shape","id":"624ea2b0-a909-4c4a-ab39-35d70c7bf9a9","elementConfiguration":{"binding":"{{Form.SelectOrTypeFooter}}","visibility":"","type":"text","disableUpdates":false}},{"type":"shape","id":"18dd2866-c000-4bc4-a4fe-b4281ed1519e","elementConfiguration":{"inheritDimensions":"{{InheritDimensions.InheritNone}}","width":"","height":"","image":"{{Form.SelectLogo.Logo_Footer_white}}","visibility":"","type":"image","disableUpdates":false}},{"type":"shape","id":"3dc454f9-0812-4870-85ef-468e6d4182bc","elementConfiguration":{"binding":"{{Form.SelectOrTypeFooter}}","visibility":"","type":"text","disableUpdates":false}},{"type":"shape","id":"0798d6bb-a792-48a3-94d4-4e52b4ba810a","elementConfiguration":{"inheritDimensions":"{{InheritDimensions.InheritNone}}","width":"6.75 cm","height":"2 cm","image":"{{Form.Motif.Logo_white}}","visibility":"","type":"image","disableUpdates":false}},{"type":"shape","id":"50f80eb5-9c3a-49a0-beb8-788350790360","elementConfiguration":{"inheritDimensions":"{{InheritDimensions.InheritNone}}","width":"","height":"","image":"{{Form.SelectLogo.Logo_white}}","visibility":"","type":"image","disableUpdates":false}},{"type":"shape","id":"419f6ace-857e-46ae-95f2-0bfe8c8dca36","elementConfiguration":{"inheritDimensions":"{{InheritDimensions.InheritNone}}","width":"","height":"","image":"{{Form.SelectLogo.Logo_Footer_white}}","visibility":"","type":"image","disableUpdates":false}},{"type":"shape","id":"09552da2-8ed7-46f6-bc34-be88ec9b3966","elementConfiguration":{"binding":"{{Form.SelectOrTypeFooter}}","visibility":"","type":"text","disableUpdates":false}},{"type":"shape","id":"b09133a7-eec0-47b1-b53f-48b42b10cb8c","elementConfiguration":{"inheritDimensions":"{{InheritDimensions.InheritNone}}","width":"","height":"","image":"{{Form.SelectLogo.Logo_Footer_white}}","visibility":"","type":"image","disableUpdates":false}},{"type":"shape","id":"d10de944-3cdb-494c-b689-739547fd37c0","elementConfiguration":{"binding":"{{Form.SelectOrTypeFooter}}","visibility":"","type":"text","disableUpdates":false}},{"type":"shape","id":"f2756545-5b02-40a2-8ecb-a2bcd4133224","elementConfiguration":{"inheritDimensions":"{{InheritDimensions.InheritNone}}","width":"","height":"","image":"{{Form.SelectLogo.Logo_Back_blue}}","visibility":"","type":"image","disableUpdates":false}},{"type":"shape","id":"b866ffdd-1468-452b-b550-2ee77fe87c6d","elementConfiguration":{"inheritDimensions":"{{InheritDimensions.InheritNone}}","width":"","height":"","image":"{{Form.SelectLogo.Logo_blue}}","visibility":"","type":"image","disableUpdates":false}},{"type":"shape","id":"16fa8dfc-28da-4b5c-8123-1d41e9d4c29d","elementConfiguration":{"inheritDimensions":"{{InheritDimensions.InheritNone}}","width":"6.75 cm","height":"2 cm","image":"{{Form.Motif.Logo_blue}}","visibility":"","type":"image","disableUpdates":false}},{"type":"shape","id":"20be30df-9f43-4ad8-874a-5022b0728fa7","elementConfiguration":{"inheritDimensions":"{{InheritDimensions.InheritNone}}","width":"","height":"","image":"{{Form.SelectLogo.Logo_Footer_blue}}","visibility":"","type":"image","disableUpdates":false}},{"type":"shape","id":"7893f364-70c6-4532-8dc2-9251de7635a0","elementConfiguration":{"binding":"{{Form.SelectOrTypeFooter}}","visibility":"","type":"text","disableUpdates":false}}],"transformationConfigurations":[],"templateName":"Penn Medicine Blank Template","templateDescription":"","enableDocumentContentUpdater":true,"version":"2.0"}]]></TemplafyTemplateConfiguration>
</file>

<file path=customXml/item8.xml><?xml version="1.0" encoding="utf-8"?>
<TemplafySlideTemplateConfiguration><![CDATA[{"slideVersion":1,"isValidatorEnabled":false,"isLocked":false,"elementsMetadata":[],"slideId":"103428804038701875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065B7073-882A-47A2-9356-25DB4F8B9906}">
  <ds:schemaRefs/>
</ds:datastoreItem>
</file>

<file path=customXml/itemProps2.xml><?xml version="1.0" encoding="utf-8"?>
<ds:datastoreItem xmlns:ds="http://schemas.openxmlformats.org/officeDocument/2006/customXml" ds:itemID="{DBCEC20D-1E04-4A9A-9196-231907B1BC88}">
  <ds:schemaRefs/>
</ds:datastoreItem>
</file>

<file path=customXml/itemProps3.xml><?xml version="1.0" encoding="utf-8"?>
<ds:datastoreItem xmlns:ds="http://schemas.openxmlformats.org/officeDocument/2006/customXml" ds:itemID="{E76246EA-97C2-408C-A7F6-2CE6D89F41BF}">
  <ds:schemaRefs/>
</ds:datastoreItem>
</file>

<file path=customXml/itemProps4.xml><?xml version="1.0" encoding="utf-8"?>
<ds:datastoreItem xmlns:ds="http://schemas.openxmlformats.org/officeDocument/2006/customXml" ds:itemID="{2B39C04E-444A-41EE-A7B2-9E3CA35FD6AA}">
  <ds:schemaRefs/>
</ds:datastoreItem>
</file>

<file path=customXml/itemProps5.xml><?xml version="1.0" encoding="utf-8"?>
<ds:datastoreItem xmlns:ds="http://schemas.openxmlformats.org/officeDocument/2006/customXml" ds:itemID="{3AE8D32F-AC01-42AC-92C6-DAF95DE03028}">
  <ds:schemaRefs/>
</ds:datastoreItem>
</file>

<file path=customXml/itemProps6.xml><?xml version="1.0" encoding="utf-8"?>
<ds:datastoreItem xmlns:ds="http://schemas.openxmlformats.org/officeDocument/2006/customXml" ds:itemID="{BF4A61AC-B2A6-416C-ADB0-4620EDFFEFDE}">
  <ds:schemaRefs/>
</ds:datastoreItem>
</file>

<file path=customXml/itemProps7.xml><?xml version="1.0" encoding="utf-8"?>
<ds:datastoreItem xmlns:ds="http://schemas.openxmlformats.org/officeDocument/2006/customXml" ds:itemID="{8B390A47-7C58-4096-A2CD-BDC3C0704E56}">
  <ds:schemaRefs/>
</ds:datastoreItem>
</file>

<file path=customXml/itemProps8.xml><?xml version="1.0" encoding="utf-8"?>
<ds:datastoreItem xmlns:ds="http://schemas.openxmlformats.org/officeDocument/2006/customXml" ds:itemID="{140979B4-EB48-4B15-81BF-0441FC23D0D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6803</TotalTime>
  <Words>2770</Words>
  <Application>Microsoft Macintosh PowerPoint</Application>
  <PresentationFormat>Widescreen</PresentationFormat>
  <Paragraphs>384</Paragraphs>
  <Slides>54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4</vt:i4>
      </vt:variant>
    </vt:vector>
  </HeadingPairs>
  <TitlesOfParts>
    <vt:vector size="63" baseType="lpstr">
      <vt:lpstr>Architects Daughter</vt:lpstr>
      <vt:lpstr>DM Sans 14pt</vt:lpstr>
      <vt:lpstr>Calibri Light</vt:lpstr>
      <vt:lpstr>Arial</vt:lpstr>
      <vt:lpstr>DM Mono</vt:lpstr>
      <vt:lpstr>Domine</vt:lpstr>
      <vt:lpstr>Calibri</vt:lpstr>
      <vt:lpstr>Cambria Math</vt:lpstr>
      <vt:lpstr>1_Office Theme</vt:lpstr>
      <vt:lpstr>Design Thinking for Policy Evaluation: The Policy Trial Emulation Framework</vt:lpstr>
      <vt:lpstr>Some Framing</vt:lpstr>
      <vt:lpstr>The Goal of Policy Evaluation</vt:lpstr>
      <vt:lpstr>Challenges of Policy Evaluation</vt:lpstr>
      <vt:lpstr>Some More Framing</vt:lpstr>
      <vt:lpstr>Some More Framing</vt:lpstr>
      <vt:lpstr>Designing for Policy Evaluation</vt:lpstr>
      <vt:lpstr>Target Trial Emulation (TTE)</vt:lpstr>
      <vt:lpstr>Controversy! Gasp!</vt:lpstr>
      <vt:lpstr>Components of Policy Trial Emulation</vt:lpstr>
      <vt:lpstr>1. Units &amp; Eligibility</vt:lpstr>
      <vt:lpstr>Units and Eligibility Criteria</vt:lpstr>
      <vt:lpstr>Units and Eligibility Criteria</vt:lpstr>
      <vt:lpstr>Policy-Level Units</vt:lpstr>
      <vt:lpstr>Impact-Level Units</vt:lpstr>
      <vt:lpstr>Example: Medical Cannabis Laws</vt:lpstr>
      <vt:lpstr>Available Data Affects Emulation Quality</vt:lpstr>
      <vt:lpstr>Longitudinal Follow-Up of Impact-Level Units</vt:lpstr>
      <vt:lpstr>2. Exposure &amp; Comparison Conditions</vt:lpstr>
      <vt:lpstr>Definitions of Exposure &amp; Comparison Conditions</vt:lpstr>
      <vt:lpstr>Defining the Exposure</vt:lpstr>
      <vt:lpstr>Defining the Comparison Group</vt:lpstr>
      <vt:lpstr>Choosing Comparators for Policy Evaluation</vt:lpstr>
      <vt:lpstr>Never-Exposed Comparators</vt:lpstr>
      <vt:lpstr>Example: Medical Cannabis Laws</vt:lpstr>
      <vt:lpstr>3. Assignment Mechanism</vt:lpstr>
      <vt:lpstr>Assignment Mechanism</vt:lpstr>
      <vt:lpstr>4. Baseline / Time Zero</vt:lpstr>
      <vt:lpstr>Baseline / Time Zero</vt:lpstr>
      <vt:lpstr>Baseline / Time zero</vt:lpstr>
      <vt:lpstr>Serial Trial Emulation</vt:lpstr>
      <vt:lpstr>5. Outcomes and Follow-Up</vt:lpstr>
      <vt:lpstr>Outcomes</vt:lpstr>
      <vt:lpstr>Follow-Up</vt:lpstr>
      <vt:lpstr>6. Causal Estimand</vt:lpstr>
      <vt:lpstr>Causal Estimand</vt:lpstr>
      <vt:lpstr>Categories of Causal Estimand</vt:lpstr>
      <vt:lpstr>Target Estimands &amp; Target Audiences</vt:lpstr>
      <vt:lpstr>We all love the ATT</vt:lpstr>
      <vt:lpstr>Pros and Cons of the ATT</vt:lpstr>
      <vt:lpstr>Why do we prefer the ATT?</vt:lpstr>
      <vt:lpstr>7. Statistical Analysis</vt:lpstr>
      <vt:lpstr>Analytic Considerations</vt:lpstr>
      <vt:lpstr>Methods Explosion!</vt:lpstr>
      <vt:lpstr>Difference in Differences (DiD)</vt:lpstr>
      <vt:lpstr>Staggered Adoption</vt:lpstr>
      <vt:lpstr>New Methods Handle Staggered Adoption</vt:lpstr>
      <vt:lpstr>Synthetic Controls</vt:lpstr>
      <vt:lpstr>Discussion</vt:lpstr>
      <vt:lpstr>Good study design is critical</vt:lpstr>
      <vt:lpstr>Good study design is not magic</vt:lpstr>
      <vt:lpstr>Statistical tools for high-quality policy evaluation are available and accessible</vt:lpstr>
      <vt:lpstr>Multi-disciplinary work is key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ames Peters</dc:creator>
  <cp:lastModifiedBy>Seewald, Nicholas J</cp:lastModifiedBy>
  <cp:revision>140</cp:revision>
  <dcterms:created xsi:type="dcterms:W3CDTF">2025-03-13T14:36:55Z</dcterms:created>
  <dcterms:modified xsi:type="dcterms:W3CDTF">2025-04-04T12:17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0-25T14:22:55</vt:lpwstr>
  </property>
  <property fmtid="{D5CDD505-2E9C-101B-9397-08002B2CF9AE}" pid="3" name="TemplafyTenantId">
    <vt:lpwstr>pennmedicine</vt:lpwstr>
  </property>
  <property fmtid="{D5CDD505-2E9C-101B-9397-08002B2CF9AE}" pid="4" name="TemplafyTemplateId">
    <vt:lpwstr>1034288031134646878</vt:lpwstr>
  </property>
  <property fmtid="{D5CDD505-2E9C-101B-9397-08002B2CF9AE}" pid="5" name="TemplafyUserProfileId">
    <vt:lpwstr>1108691613579739141</vt:lpwstr>
  </property>
  <property fmtid="{D5CDD505-2E9C-101B-9397-08002B2CF9AE}" pid="6" name="TemplafyFromBlank">
    <vt:bool>true</vt:bool>
  </property>
</Properties>
</file>